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</p:sldMasterIdLst>
  <p:sldIdLst>
    <p:sldId id="268" r:id="rId2"/>
    <p:sldId id="278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31921"/>
    <a:srgbClr val="232F3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6021" autoAdjust="0"/>
    <p:restoredTop sz="94660"/>
  </p:normalViewPr>
  <p:slideViewPr>
    <p:cSldViewPr snapToGrid="0" showGuides="1">
      <p:cViewPr varScale="1">
        <p:scale>
          <a:sx n="99" d="100"/>
          <a:sy n="99" d="100"/>
        </p:scale>
        <p:origin x="96" y="642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9272418-7D72-4721-AB9F-631A668593E2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C907F73-8C23-4F81-ADE8-043A0BFDA8BB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223DF48-A0B1-4A6F-8752-94C2A22CC19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5DF3FB2-7396-49E6-B5B2-B5CF4020DE1D}" type="datetimeFigureOut">
              <a:rPr lang="en-US" smtClean="0"/>
              <a:t>2/12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F68097D-7ADD-4107-B248-0FA613F25D2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5D542CF-B635-450E-A77B-4478E13EF1B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7A361A5-7676-419E-AC81-C2BA0E8D98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4049264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D6B8AAE-7666-4BB8-8353-97F4CACEDB8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AC4EAB8-802F-42CF-84F2-16311E7FE45A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BA0CB61-5B07-45BD-A150-8218E405062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5DF3FB2-7396-49E6-B5B2-B5CF4020DE1D}" type="datetimeFigureOut">
              <a:rPr lang="en-US" smtClean="0"/>
              <a:t>2/12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2197A2E-DDD3-4A54-B63E-8466F2AA138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1E2E310-1532-4166-93FD-6800008E0B2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7A361A5-7676-419E-AC81-C2BA0E8D98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2664084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CD674F82-684C-4537-BF08-F717F0C69988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4D9BFC8E-E1A3-4B80-805D-5C9DD3AF73EB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8168D09-BBA1-407F-A752-1109B5A3592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5DF3FB2-7396-49E6-B5B2-B5CF4020DE1D}" type="datetimeFigureOut">
              <a:rPr lang="en-US" smtClean="0"/>
              <a:t>2/12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1C98346-0B26-40C5-9AEB-105BD15DFF4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4E77525-4630-40D4-99EF-E76DCF930FF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7A361A5-7676-419E-AC81-C2BA0E8D98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9118489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345BFEB-73B9-4955-9CBC-40305C73FB1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9C376CD-F107-4EF3-8F84-029F918D7FF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C28A223-B665-42C6-A956-D177388211B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5DF3FB2-7396-49E6-B5B2-B5CF4020DE1D}" type="datetimeFigureOut">
              <a:rPr lang="en-US" smtClean="0"/>
              <a:t>2/12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02E61B0-88EF-402F-897E-4F5B11243F0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A940EFA-407F-4B38-A1B3-01A71C9B453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7A361A5-7676-419E-AC81-C2BA0E8D98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985470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324B9D4-CB00-4F6D-808C-2EB6A3343EA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6905E7B-BB6C-44D0-9FB8-0B8EC18D6A7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AB52316-EE72-4A17-989A-C1D13B1B0D1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5DF3FB2-7396-49E6-B5B2-B5CF4020DE1D}" type="datetimeFigureOut">
              <a:rPr lang="en-US" smtClean="0"/>
              <a:t>2/12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D277BE-44B0-4FAB-A191-13271505CEA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E462744-9F90-4B68-A92B-A27E5F5CB44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7A361A5-7676-419E-AC81-C2BA0E8D98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5363188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4218F6D-231D-4B45-8F1E-553FE3F7DF0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C5F8D4D-DF0A-4892-A828-5B07FCA640C4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FD62EFB-B498-4B6B-B2B8-E57C21F7AE5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9717CAE-213D-4D9F-A6B3-69F79A7B6AF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5DF3FB2-7396-49E6-B5B2-B5CF4020DE1D}" type="datetimeFigureOut">
              <a:rPr lang="en-US" smtClean="0"/>
              <a:t>2/12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D44BCA0-038A-4BA3-851F-D3EB48F0600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85D4A0B-0BC0-4E2D-87DE-FACB7D62CD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7A361A5-7676-419E-AC81-C2BA0E8D98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9465366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6E2CC2B-DB2F-4726-A992-75189F50EFE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9BE0AAF-8876-4461-970D-CF63069687F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F86320B-671C-4B56-9573-08450E8DFBF3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F15BC578-0D82-4139-8767-BB3B201131F1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B6F321C-2B15-4778-A661-14609550D9D0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E57355CA-33E9-42D6-9FC8-B12B20A5D93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5DF3FB2-7396-49E6-B5B2-B5CF4020DE1D}" type="datetimeFigureOut">
              <a:rPr lang="en-US" smtClean="0"/>
              <a:t>2/12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D63BD087-5634-49F7-ADF9-9A4DCF81B89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4833B955-64B0-44EC-896C-7DC5497F647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7A361A5-7676-419E-AC81-C2BA0E8D98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3773487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78DB827-E1E0-4B49-83D0-5E0F2091C14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97A5F81-8FEC-4F76-9820-133EA1E6520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5DF3FB2-7396-49E6-B5B2-B5CF4020DE1D}" type="datetimeFigureOut">
              <a:rPr lang="en-US" smtClean="0"/>
              <a:t>2/12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329F062-8ABF-437C-A452-B1BC5092B09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71ED68B4-6802-4D9C-A042-239A4AFBE82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7A361A5-7676-419E-AC81-C2BA0E8D98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3733191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BEAC8DCC-DCF8-47C4-83F5-C7B2394B623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5DF3FB2-7396-49E6-B5B2-B5CF4020DE1D}" type="datetimeFigureOut">
              <a:rPr lang="en-US" smtClean="0"/>
              <a:t>2/12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1A030BF6-6F4A-403D-9DDD-718052F1E4F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5CE91A1-D819-4BE1-B180-A1516DC393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7A361A5-7676-419E-AC81-C2BA0E8D98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3134215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1A79830-8DEF-4E93-8F89-E9425E36864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529B31F-E1F0-4578-9B1D-7C2EB2CF78E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76B5B7D-C4DB-4B73-A478-AD25EAC2485A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6D4A4F9-5414-4321-9BA6-7050B3A3808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5DF3FB2-7396-49E6-B5B2-B5CF4020DE1D}" type="datetimeFigureOut">
              <a:rPr lang="en-US" smtClean="0"/>
              <a:t>2/12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F1DBF5F-E155-4B66-A336-7F4DDEE1609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8CBBE7F-8910-4755-AF1A-C79B6B198D8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7A361A5-7676-419E-AC81-C2BA0E8D98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9346967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803FD8D-98F8-4212-920B-73D395BE66A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C06E8E27-7D09-49AE-B651-4AC8AC2E864C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9B1BDB6-3878-41C3-BE4F-C4FFEF7F6509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CBE9D23-D23E-47C0-B38B-713781F156A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5DF3FB2-7396-49E6-B5B2-B5CF4020DE1D}" type="datetimeFigureOut">
              <a:rPr lang="en-US" smtClean="0"/>
              <a:t>2/12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4171EFA-0511-44AE-9AD1-AACAFAA57A4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89CF2B8-42E5-4683-A81A-5ECB658CCB1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7A361A5-7676-419E-AC81-C2BA0E8D98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7419115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91818120-A530-41FD-8107-48C04B82E0F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6A0EFAD-27CD-4428-AB26-C28F25F90AF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D7C7201-203B-4D84-97AD-8CC620D017C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5DF3FB2-7396-49E6-B5B2-B5CF4020DE1D}" type="datetimeFigureOut">
              <a:rPr lang="en-US" smtClean="0"/>
              <a:t>2/12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73C77AD-4214-43A0-B449-AF7CE348BE3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8BAE8D6-0BB6-45C2-B0A4-94AC46EF2B9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7A361A5-7676-419E-AC81-C2BA0E8D985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9084573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54" Type="http://schemas.openxmlformats.org/officeDocument/2006/relationships/tags" Target="../tags/tag154.xml"/><Relationship Id="rId159" Type="http://schemas.openxmlformats.org/officeDocument/2006/relationships/tags" Target="../tags/tag159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tags" Target="../tags/tag144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65" Type="http://schemas.openxmlformats.org/officeDocument/2006/relationships/image" Target="../media/image3.png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55" Type="http://schemas.openxmlformats.org/officeDocument/2006/relationships/tags" Target="../tags/tag15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61" Type="http://schemas.openxmlformats.org/officeDocument/2006/relationships/tags" Target="../tags/tag161.xml"/><Relationship Id="rId166" Type="http://schemas.openxmlformats.org/officeDocument/2006/relationships/image" Target="../media/image4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64" Type="http://schemas.openxmlformats.org/officeDocument/2006/relationships/slideLayout" Target="../slideLayouts/slideLayout7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167" Type="http://schemas.openxmlformats.org/officeDocument/2006/relationships/image" Target="../media/image5.png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Get your </a:t>
            </a:r>
            <a:r>
              <a:rPr kumimoji="0" lang="en-US" sz="1200" b="0" i="1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free</a:t>
            </a: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 14-day trial of Office Timeline here: 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sng" strike="noStrike" kern="1200" cap="none" spc="0" normalizeH="0" baseline="0" noProof="0" dirty="0">
                <a:ln>
                  <a:noFill/>
                </a:ln>
                <a:solidFill>
                  <a:srgbClr val="C43E1C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Re-open this template, and create your impressive 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n-ea"/>
                <a:cs typeface="Segoe UI Light" panose="020B0502040204020203" pitchFamily="34" charset="0"/>
              </a:rPr>
              <a:t>How to update this template in seconds</a:t>
            </a:r>
            <a:endParaRPr kumimoji="0" lang="en-US" sz="18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6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Click the Edit Data button on the Office Timeline tab.</a:t>
              </a: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20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6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Click Save to instantly update the template.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13192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1" name="OTLSHAPE_SL_5821ceb3932a4addbaf9945c73e8c837_BackgroundRectangle">
            <a:extLst>
              <a:ext uri="{FF2B5EF4-FFF2-40B4-BE49-F238E27FC236}">
                <a16:creationId xmlns:a16="http://schemas.microsoft.com/office/drawing/2014/main" id="{29ABA91E-FC07-4A8F-AA59-368AB0500FFA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235400"/>
            <a:ext cx="11696700" cy="1965960"/>
          </a:xfrm>
          <a:prstGeom prst="rect">
            <a:avLst/>
          </a:prstGeom>
          <a:solidFill>
            <a:schemeClr val="dk1">
              <a:alpha val="0"/>
            </a:schemeClr>
          </a:solidFill>
          <a:ln w="19050" cap="flat" cmpd="sng" algn="ctr">
            <a:solidFill>
              <a:schemeClr val="accent2">
                <a:lumMod val="75000"/>
              </a:schemeClr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4" name="OTLSHAPE_SL_a135b47930a24b46abc86e33a40f7d22_BackgroundRectangle">
            <a:extLst>
              <a:ext uri="{FF2B5EF4-FFF2-40B4-BE49-F238E27FC236}">
                <a16:creationId xmlns:a16="http://schemas.microsoft.com/office/drawing/2014/main" id="{78C32523-9580-4F41-AEAE-42A88D15A023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4264860"/>
            <a:ext cx="11696700" cy="1391285"/>
          </a:xfrm>
          <a:prstGeom prst="rect">
            <a:avLst/>
          </a:prstGeom>
          <a:solidFill>
            <a:schemeClr val="dk1">
              <a:alpha val="0"/>
            </a:schemeClr>
          </a:solidFill>
          <a:ln w="19050" cap="flat" cmpd="sng" algn="ctr">
            <a:solidFill>
              <a:schemeClr val="accent2">
                <a:lumMod val="75000"/>
              </a:schemeClr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96" name="OTLSHAPE_SL_a1cbae2ef52344fd926542ba9cdf1fbd_BackgroundRectangle">
            <a:extLst>
              <a:ext uri="{FF2B5EF4-FFF2-40B4-BE49-F238E27FC236}">
                <a16:creationId xmlns:a16="http://schemas.microsoft.com/office/drawing/2014/main" id="{F6E2A5E6-7D18-4D98-A668-780B38F18F44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5719645"/>
            <a:ext cx="11696700" cy="636270"/>
          </a:xfrm>
          <a:prstGeom prst="rect">
            <a:avLst/>
          </a:prstGeom>
          <a:solidFill>
            <a:srgbClr val="131921"/>
          </a:solidFill>
          <a:ln w="19050" cap="flat" cmpd="sng" algn="ctr">
            <a:solidFill>
              <a:schemeClr val="accent2">
                <a:lumMod val="75000"/>
              </a:schemeClr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9" name="OTLSHAPE_SL2A_e4dcd2b334f94c17ba12d390bd313bbf_BackgroundRectangle" hidden="1">
            <a:extLst>
              <a:ext uri="{FF2B5EF4-FFF2-40B4-BE49-F238E27FC236}">
                <a16:creationId xmlns:a16="http://schemas.microsoft.com/office/drawing/2014/main" id="{89E998A2-A8BF-F43B-B660-54AD2CDC2A04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266910" y="2235400"/>
            <a:ext cx="10502900" cy="1965960"/>
          </a:xfrm>
          <a:prstGeom prst="rect">
            <a:avLst/>
          </a:prstGeom>
          <a:solidFill>
            <a:srgbClr val="A5A5A5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" name="OTLSHAPE_SL2A_f95ee9362e644601a06b178ee72823d0_BackgroundRectangle" hidden="1">
            <a:extLst>
              <a:ext uri="{FF2B5EF4-FFF2-40B4-BE49-F238E27FC236}">
                <a16:creationId xmlns:a16="http://schemas.microsoft.com/office/drawing/2014/main" id="{DA5D8728-C4A4-D398-CC9B-42C618A89ED9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266910" y="4264860"/>
            <a:ext cx="10502900" cy="1391285"/>
          </a:xfrm>
          <a:prstGeom prst="rect">
            <a:avLst/>
          </a:prstGeom>
          <a:solidFill>
            <a:srgbClr val="A5A5A5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3" name="OTLSHAPE_SL2A_342573b169f243f0925d6c583ea2d5f8_BackgroundRectangle" hidden="1">
            <a:extLst>
              <a:ext uri="{FF2B5EF4-FFF2-40B4-BE49-F238E27FC236}">
                <a16:creationId xmlns:a16="http://schemas.microsoft.com/office/drawing/2014/main" id="{BC647AB9-AE9C-2049-F2DA-1B4A5036884A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266910" y="5719645"/>
            <a:ext cx="10502900" cy="636270"/>
          </a:xfrm>
          <a:prstGeom prst="rect">
            <a:avLst/>
          </a:prstGeom>
          <a:solidFill>
            <a:srgbClr val="A5A5A5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OTLSHAPE_TB_00000000000000000000000000000000_LeftEndCaps" hidden="1">
            <a:extLst>
              <a:ext uri="{FF2B5EF4-FFF2-40B4-BE49-F238E27FC236}">
                <a16:creationId xmlns:a16="http://schemas.microsoft.com/office/drawing/2014/main" id="{48AEA5CC-22DB-9AA8-C82F-6CA4DA344DAA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-404080" y="-95023"/>
            <a:ext cx="825500" cy="508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3200" b="1">
                <a:solidFill>
                  <a:srgbClr val="ED7D31"/>
                </a:solidFill>
                <a:latin typeface="Calibri" panose="020F0502020204030204" pitchFamily="34" charset="0"/>
              </a:rPr>
              <a:t>1994</a:t>
            </a:r>
          </a:p>
        </p:txBody>
      </p:sp>
      <p:sp>
        <p:nvSpPr>
          <p:cNvPr id="23" name="OTLSHAPE_TB_00000000000000000000000000000000_RightEndCaps" hidden="1">
            <a:extLst>
              <a:ext uri="{FF2B5EF4-FFF2-40B4-BE49-F238E27FC236}">
                <a16:creationId xmlns:a16="http://schemas.microsoft.com/office/drawing/2014/main" id="{BD813BA4-F659-EAE3-A7C8-618DDE05FAFC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-123" y="143504"/>
            <a:ext cx="38100" cy="25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00" b="1">
                <a:solidFill>
                  <a:srgbClr val="ED7D31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245" name="OTLSHAPE_TB_00000000000000000000000000000000_ScaleContainer">
            <a:extLst>
              <a:ext uri="{FF2B5EF4-FFF2-40B4-BE49-F238E27FC236}">
                <a16:creationId xmlns:a16="http://schemas.microsoft.com/office/drawing/2014/main" id="{C0710014-9F34-548B-9755-5D696636C553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1393910" y="1651200"/>
            <a:ext cx="10375900" cy="381000"/>
          </a:xfrm>
          <a:prstGeom prst="rect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2" name="OTLSHAPE_SL_5821ceb3932a4addbaf9945c73e8c837_HeaderRectangle">
            <a:extLst>
              <a:ext uri="{FF2B5EF4-FFF2-40B4-BE49-F238E27FC236}">
                <a16:creationId xmlns:a16="http://schemas.microsoft.com/office/drawing/2014/main" id="{7352EF39-C658-4000-B330-8411A8050702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2235400"/>
            <a:ext cx="1206500" cy="1965960"/>
          </a:xfrm>
          <a:prstGeom prst="rect">
            <a:avLst/>
          </a:prstGeom>
          <a:solidFill>
            <a:srgbClr val="F8981D">
              <a:alpha val="82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5" name="OTLSHAPE_SL_a135b47930a24b46abc86e33a40f7d22_HeaderRectangle">
            <a:extLst>
              <a:ext uri="{FF2B5EF4-FFF2-40B4-BE49-F238E27FC236}">
                <a16:creationId xmlns:a16="http://schemas.microsoft.com/office/drawing/2014/main" id="{DE5F6585-9AA3-4588-9629-FDE313D1AD8E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4264860"/>
            <a:ext cx="1206500" cy="1391285"/>
          </a:xfrm>
          <a:prstGeom prst="rect">
            <a:avLst/>
          </a:prstGeom>
          <a:solidFill>
            <a:srgbClr val="F8981D">
              <a:alpha val="81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97" name="OTLSHAPE_SL_a1cbae2ef52344fd926542ba9cdf1fbd_HeaderRectangle">
            <a:extLst>
              <a:ext uri="{FF2B5EF4-FFF2-40B4-BE49-F238E27FC236}">
                <a16:creationId xmlns:a16="http://schemas.microsoft.com/office/drawing/2014/main" id="{1841083B-4A44-4475-B4D7-00644F4B1C8C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5719645"/>
            <a:ext cx="1206500" cy="636270"/>
          </a:xfrm>
          <a:prstGeom prst="rect">
            <a:avLst/>
          </a:prstGeom>
          <a:solidFill>
            <a:srgbClr val="F8981D">
              <a:alpha val="81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87" name="OTLSHAPE_SL2A_e4dcd2b334f94c17ba12d390bd313bbf_HeaderRectangle" hidden="1">
            <a:extLst>
              <a:ext uri="{FF2B5EF4-FFF2-40B4-BE49-F238E27FC236}">
                <a16:creationId xmlns:a16="http://schemas.microsoft.com/office/drawing/2014/main" id="{0024D2DB-4888-9486-1936-FB6A50ECD9A7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266910" y="2235400"/>
            <a:ext cx="0" cy="0"/>
          </a:xfrm>
          <a:prstGeom prst="rect">
            <a:avLst/>
          </a:prstGeom>
          <a:solidFill>
            <a:schemeClr val="l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" name="OTLSHAPE_SL2A_f95ee9362e644601a06b178ee72823d0_HeaderRectangle" hidden="1">
            <a:extLst>
              <a:ext uri="{FF2B5EF4-FFF2-40B4-BE49-F238E27FC236}">
                <a16:creationId xmlns:a16="http://schemas.microsoft.com/office/drawing/2014/main" id="{BE2DBD55-7813-D3A3-412F-37DEAAA84B1A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266910" y="4264860"/>
            <a:ext cx="0" cy="0"/>
          </a:xfrm>
          <a:prstGeom prst="rect">
            <a:avLst/>
          </a:prstGeom>
          <a:solidFill>
            <a:schemeClr val="l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" name="OTLSHAPE_SL2A_342573b169f243f0925d6c583ea2d5f8_HeaderRectangle" hidden="1">
            <a:extLst>
              <a:ext uri="{FF2B5EF4-FFF2-40B4-BE49-F238E27FC236}">
                <a16:creationId xmlns:a16="http://schemas.microsoft.com/office/drawing/2014/main" id="{84B07089-6F4F-F202-2231-8BEB71581F72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266910" y="5719645"/>
            <a:ext cx="0" cy="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7" name="OTLSHAPE_SLM_4b900c4952f64dc9bb198438c3e8f13a_Shape">
            <a:extLst>
              <a:ext uri="{FF2B5EF4-FFF2-40B4-BE49-F238E27FC236}">
                <a16:creationId xmlns:a16="http://schemas.microsoft.com/office/drawing/2014/main" id="{75BE1190-31C3-D87C-169C-047F1A26363D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3974827" y="2308742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8" name="OTLSHAPE_SLM_cbdb74ad1eca496a9eed119cb76322d4_Shape">
            <a:extLst>
              <a:ext uri="{FF2B5EF4-FFF2-40B4-BE49-F238E27FC236}">
                <a16:creationId xmlns:a16="http://schemas.microsoft.com/office/drawing/2014/main" id="{FB2FFB14-61A1-E62A-7CF3-9F0525E4DFC2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482670" y="2308742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0" name="OTLSHAPE_SLM_7540fb95024040c9b213e5053fb7287a_Shape">
            <a:extLst>
              <a:ext uri="{FF2B5EF4-FFF2-40B4-BE49-F238E27FC236}">
                <a16:creationId xmlns:a16="http://schemas.microsoft.com/office/drawing/2014/main" id="{A25C8DE6-E98A-F7A5-DDBA-7E819C65A245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6357009" y="5792987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5" name="OTLSHAPE_SLM_feca1616763144059106d5d6eb414a2b_Shape">
            <a:extLst>
              <a:ext uri="{FF2B5EF4-FFF2-40B4-BE49-F238E27FC236}">
                <a16:creationId xmlns:a16="http://schemas.microsoft.com/office/drawing/2014/main" id="{55261479-6984-616C-AD95-86D72BD6C59B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8331222" y="4781433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3" name="OTLSHAPE_SLM_0e8e8170b4c04d41b847fb7c319502ff_Shape">
            <a:extLst>
              <a:ext uri="{FF2B5EF4-FFF2-40B4-BE49-F238E27FC236}">
                <a16:creationId xmlns:a16="http://schemas.microsoft.com/office/drawing/2014/main" id="{33ECC3C0-6DD7-87FA-53B1-C510FD1E2749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2409469" y="2620527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7" name="OTLSHAPE_SLM_dfaa97d909e9481db70b3f35041c2e69_Shape">
            <a:extLst>
              <a:ext uri="{FF2B5EF4-FFF2-40B4-BE49-F238E27FC236}">
                <a16:creationId xmlns:a16="http://schemas.microsoft.com/office/drawing/2014/main" id="{5715340D-50E3-0E19-D142-B6A2D16B96E0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6674515" y="2620527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5" name="OTLSHAPE_SLM_1dbfbe296cec479b9c50a09e2b393d44_Shape">
            <a:extLst>
              <a:ext uri="{FF2B5EF4-FFF2-40B4-BE49-F238E27FC236}">
                <a16:creationId xmlns:a16="http://schemas.microsoft.com/office/drawing/2014/main" id="{F4BD0DEB-0C51-477D-F56A-C9D8326070A9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8391531" y="2308742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6" name="OTLSHAPE_SLM_566a28de9e234e4492fa1babb1eeaee4_Shape">
            <a:extLst>
              <a:ext uri="{FF2B5EF4-FFF2-40B4-BE49-F238E27FC236}">
                <a16:creationId xmlns:a16="http://schemas.microsoft.com/office/drawing/2014/main" id="{10E16E0B-D48D-E19B-A261-C05B0EA5B7B4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2717219" y="5792987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2" name="OTLSHAPE_SLM_7e79cb9fc2fe4103998ae6055edfd753_Shape">
            <a:extLst>
              <a:ext uri="{FF2B5EF4-FFF2-40B4-BE49-F238E27FC236}">
                <a16:creationId xmlns:a16="http://schemas.microsoft.com/office/drawing/2014/main" id="{08E7E8BD-9DC9-5287-18A9-E4F3133A3AD4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7218177" y="6104772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7" name="OTLSHAPE_SLM_674ded9115184958b45972b970249740_Shape">
            <a:extLst>
              <a:ext uri="{FF2B5EF4-FFF2-40B4-BE49-F238E27FC236}">
                <a16:creationId xmlns:a16="http://schemas.microsoft.com/office/drawing/2014/main" id="{8D6809C5-0489-4DBD-56F4-B6789FC1869F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8915682" y="5792987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" name="OTLSHAPE_SLM_aca44ebd5c2948a3b26dc72bd84a49db_Shape">
            <a:extLst>
              <a:ext uri="{FF2B5EF4-FFF2-40B4-BE49-F238E27FC236}">
                <a16:creationId xmlns:a16="http://schemas.microsoft.com/office/drawing/2014/main" id="{740EE434-4F60-F1AA-6AD6-0C9C37FBEFE8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2805908" y="2998035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4" name="OTLSHAPE_SLM_bcb116cca13c42438ac2311d89f90b50_Shape">
            <a:extLst>
              <a:ext uri="{FF2B5EF4-FFF2-40B4-BE49-F238E27FC236}">
                <a16:creationId xmlns:a16="http://schemas.microsoft.com/office/drawing/2014/main" id="{40724074-0B7B-A3DA-FCEA-4655201913B0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7619938" y="2998035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9" name="OTLSHAPE_SLM_df7583b02c3b472b8ddbfe49dad4b09c_Shape">
            <a:extLst>
              <a:ext uri="{FF2B5EF4-FFF2-40B4-BE49-F238E27FC236}">
                <a16:creationId xmlns:a16="http://schemas.microsoft.com/office/drawing/2014/main" id="{BC8CFBC0-3710-A235-9407-89A685A0EA24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5270571" y="5405003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0" name="OTLSHAPE_SLM_0ffee44a3f714a73ad3b8c1ed37a364a_Shape">
            <a:extLst>
              <a:ext uri="{FF2B5EF4-FFF2-40B4-BE49-F238E27FC236}">
                <a16:creationId xmlns:a16="http://schemas.microsoft.com/office/drawing/2014/main" id="{9112E2A4-DB65-C8B2-244F-B5E900099BE9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6871404" y="4781433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8" name="OTLSHAPE_SLM_8688330dfb7442f196faf6f01ab6b5a8_Shape">
            <a:extLst>
              <a:ext uri="{FF2B5EF4-FFF2-40B4-BE49-F238E27FC236}">
                <a16:creationId xmlns:a16="http://schemas.microsoft.com/office/drawing/2014/main" id="{009AECB1-978D-A28E-ADCC-8735DF2C1235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8747173" y="5093217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OTLSHAPE_SLM_ea0e0127ae8e4e8cae8f0c5e59d1f2b1_Shape">
            <a:extLst>
              <a:ext uri="{FF2B5EF4-FFF2-40B4-BE49-F238E27FC236}">
                <a16:creationId xmlns:a16="http://schemas.microsoft.com/office/drawing/2014/main" id="{74A5631E-9665-75ED-9270-52F48DCE2AC2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4488335" y="4403925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6" name="OTLSHAPE_SLM_34cc2c74d42244398410f01f8eea2eb9_Shape">
            <a:extLst>
              <a:ext uri="{FF2B5EF4-FFF2-40B4-BE49-F238E27FC236}">
                <a16:creationId xmlns:a16="http://schemas.microsoft.com/office/drawing/2014/main" id="{F68015CB-6D64-D559-A647-9421E05A76F2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5815120" y="5405003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5" name="OTLSHAPE_SLM_1ff03c8a40ec4c389bf872ec0334c429_Shape">
            <a:extLst>
              <a:ext uri="{FF2B5EF4-FFF2-40B4-BE49-F238E27FC236}">
                <a16:creationId xmlns:a16="http://schemas.microsoft.com/office/drawing/2014/main" id="{59720CC1-EE74-DC6C-27A9-11091F936405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7538345" y="5792987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2" name="OTLSHAPE_SLM_4d34ceaa42584b278f7f06fda25acce6_Shape">
            <a:extLst>
              <a:ext uri="{FF2B5EF4-FFF2-40B4-BE49-F238E27FC236}">
                <a16:creationId xmlns:a16="http://schemas.microsoft.com/office/drawing/2014/main" id="{A6279E3F-5B43-1080-6F82-DDBC8B5A5E92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4922024" y="4781433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3" name="OTLSHAPE_SLM_fa414cca208a41c5b6b7065c9faf1baa_Shape">
            <a:extLst>
              <a:ext uri="{FF2B5EF4-FFF2-40B4-BE49-F238E27FC236}">
                <a16:creationId xmlns:a16="http://schemas.microsoft.com/office/drawing/2014/main" id="{626C6B96-DE7C-6968-4A79-06800B9BEEF5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5766341" y="5093217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7" name="OTLSHAPE_SLM_becbbf265d2140d3b4550874a0af81ec_Shape">
            <a:extLst>
              <a:ext uri="{FF2B5EF4-FFF2-40B4-BE49-F238E27FC236}">
                <a16:creationId xmlns:a16="http://schemas.microsoft.com/office/drawing/2014/main" id="{BB9D32B1-7118-370C-6841-76603D57668D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5164144" y="5093217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3" name="OTLSHAPE_SLM_3bf7fa456f1a451fa6708e852ff3c3f9_Shape">
            <a:extLst>
              <a:ext uri="{FF2B5EF4-FFF2-40B4-BE49-F238E27FC236}">
                <a16:creationId xmlns:a16="http://schemas.microsoft.com/office/drawing/2014/main" id="{B631B9BC-674C-A38B-D47A-7B36B490E5D8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6932599" y="5093217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1" name="OTLSHAPE_SLM_62c66c1017d64b6f824ab65762de1681_Shape">
            <a:extLst>
              <a:ext uri="{FF2B5EF4-FFF2-40B4-BE49-F238E27FC236}">
                <a16:creationId xmlns:a16="http://schemas.microsoft.com/office/drawing/2014/main" id="{860F8644-97CA-803B-1FAC-9E51F0BAD3F7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7979128" y="4403925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2" name="OTLSHAPE_SLM_c85fb0daaa69454d96e7e90247c1ac2f_Shape">
            <a:extLst>
              <a:ext uri="{FF2B5EF4-FFF2-40B4-BE49-F238E27FC236}">
                <a16:creationId xmlns:a16="http://schemas.microsoft.com/office/drawing/2014/main" id="{FCECD846-1B9B-2A08-0AE9-13B77DA8802D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5415133" y="4403925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9" name="OTLSHAPE_SLM_fa5edf5e98624f778b644287772480af_Shape">
            <a:extLst>
              <a:ext uri="{FF2B5EF4-FFF2-40B4-BE49-F238E27FC236}">
                <a16:creationId xmlns:a16="http://schemas.microsoft.com/office/drawing/2014/main" id="{39CAB69A-055C-9F57-70A8-CBB24ABD30D3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5729979" y="4781433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3" name="OTLSHAPE_SLM_af199d30894f42628c852e7e623427e3_Shape">
            <a:extLst>
              <a:ext uri="{FF2B5EF4-FFF2-40B4-BE49-F238E27FC236}">
                <a16:creationId xmlns:a16="http://schemas.microsoft.com/office/drawing/2014/main" id="{35FD3441-3517-8C88-F08D-B55783443A96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8990181" y="2998035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1" name="OTLSHAPE_SLM_0c4b6c011d1f46dcb574180e3e851562_Shape">
            <a:extLst>
              <a:ext uri="{FF2B5EF4-FFF2-40B4-BE49-F238E27FC236}">
                <a16:creationId xmlns:a16="http://schemas.microsoft.com/office/drawing/2014/main" id="{61BB6E5D-C6AF-F98A-D048-9823E4736A72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9311234" y="2620527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9" name="OTLSHAPE_SLM_cf5bc3fb223c4c819dbc581c1a9dd126_Shape">
            <a:extLst>
              <a:ext uri="{FF2B5EF4-FFF2-40B4-BE49-F238E27FC236}">
                <a16:creationId xmlns:a16="http://schemas.microsoft.com/office/drawing/2014/main" id="{579CD2B3-8451-8107-5B7B-5B975EE8707C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9336067" y="2308742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2" name="OTLSHAPE_SLM_8a57eef748bb4878a1e720f21b941939_Shape">
            <a:extLst>
              <a:ext uri="{FF2B5EF4-FFF2-40B4-BE49-F238E27FC236}">
                <a16:creationId xmlns:a16="http://schemas.microsoft.com/office/drawing/2014/main" id="{53F1B3D0-8DD2-64FE-95EB-22896FDC56E0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9444268" y="2998035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6" name="OTLSHAPE_SLM_187ea8bdda4746bdaeabf771208b9aba_Shape">
            <a:extLst>
              <a:ext uri="{FF2B5EF4-FFF2-40B4-BE49-F238E27FC236}">
                <a16:creationId xmlns:a16="http://schemas.microsoft.com/office/drawing/2014/main" id="{BFF4A49B-EB81-7AFE-9504-FD608B90F1C8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9580849" y="2620527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9" name="OTLSHAPE_SLM_7439d1b50e634267ac9915ee5dacd148_Shape">
            <a:extLst>
              <a:ext uri="{FF2B5EF4-FFF2-40B4-BE49-F238E27FC236}">
                <a16:creationId xmlns:a16="http://schemas.microsoft.com/office/drawing/2014/main" id="{8125E200-82AC-EB16-BCD5-4776DD5AC964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8006621" y="6104772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6" name="OTLSHAPE_SLM_4a050a7f01ec42079d433e82402234ac_Shape">
            <a:extLst>
              <a:ext uri="{FF2B5EF4-FFF2-40B4-BE49-F238E27FC236}">
                <a16:creationId xmlns:a16="http://schemas.microsoft.com/office/drawing/2014/main" id="{2D72C5AA-3C3E-28F4-1D12-B61F0637D711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5879863" y="6104772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0" name="OTLSHAPE_SLM_3d838d7b3cc24fc78f1dc938a1d0ca98_Shape">
            <a:extLst>
              <a:ext uri="{FF2B5EF4-FFF2-40B4-BE49-F238E27FC236}">
                <a16:creationId xmlns:a16="http://schemas.microsoft.com/office/drawing/2014/main" id="{1CEDE9A9-7417-F6A3-66B0-831864BD78E4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3179288" y="3441265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4" name="OTLSHAPE_SLM_02b79a8b0e76404db529083c6964ef12_Shape">
            <a:extLst>
              <a:ext uri="{FF2B5EF4-FFF2-40B4-BE49-F238E27FC236}">
                <a16:creationId xmlns:a16="http://schemas.microsoft.com/office/drawing/2014/main" id="{519E7FB5-33A4-02B7-21CB-05D2D31A8220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4762384" y="5792987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8" name="OTLSHAPE_SLM_59bf4b9f597041ec89b41ce10c7ee3b3_Shape">
            <a:extLst>
              <a:ext uri="{FF2B5EF4-FFF2-40B4-BE49-F238E27FC236}">
                <a16:creationId xmlns:a16="http://schemas.microsoft.com/office/drawing/2014/main" id="{C7B851D7-0D23-506D-6F8E-FB886C2A0FB5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9226980" y="6104772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1" name="OTLSHAPE_SLM_a586577f2f534ccd8559c16f8939adb3_Shape">
            <a:extLst>
              <a:ext uri="{FF2B5EF4-FFF2-40B4-BE49-F238E27FC236}">
                <a16:creationId xmlns:a16="http://schemas.microsoft.com/office/drawing/2014/main" id="{EAEBE72F-39D4-3FA0-9E0C-1AA082D36912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9652686" y="5405003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3" name="OTLSHAPE_SLM_090df9082d054ea3850255b31b2d04f3_Shape">
            <a:extLst>
              <a:ext uri="{FF2B5EF4-FFF2-40B4-BE49-F238E27FC236}">
                <a16:creationId xmlns:a16="http://schemas.microsoft.com/office/drawing/2014/main" id="{F6EB0700-0AFD-61F0-142D-5B6AE16AC941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10455320" y="6104772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0" name="OTLSHAPE_SLM_b787b6a849d64c3daf47cf6fc5eccb0d_Shape">
            <a:extLst>
              <a:ext uri="{FF2B5EF4-FFF2-40B4-BE49-F238E27FC236}">
                <a16:creationId xmlns:a16="http://schemas.microsoft.com/office/drawing/2014/main" id="{7C7BC1ED-3642-45BC-914A-70355C451798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10229164" y="3441265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9" name="OTLSHAPE_SLM_fbefd1f398804ed095e6964eaf12d55a_Shape">
            <a:extLst>
              <a:ext uri="{FF2B5EF4-FFF2-40B4-BE49-F238E27FC236}">
                <a16:creationId xmlns:a16="http://schemas.microsoft.com/office/drawing/2014/main" id="{C0426A2D-ED2F-4088-9044-D2FD1B4A5947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9373316" y="3441265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SLM_f1dde63fcc274655b1ba2d3e70fd41c2_Shape">
            <a:extLst>
              <a:ext uri="{FF2B5EF4-FFF2-40B4-BE49-F238E27FC236}">
                <a16:creationId xmlns:a16="http://schemas.microsoft.com/office/drawing/2014/main" id="{D1E46F2B-D4AF-29FF-50DE-81113DB18781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11005191" y="3884495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SLM_275ea48e70ea4cfa9db2520af3e019d4_Shape">
            <a:extLst>
              <a:ext uri="{FF2B5EF4-FFF2-40B4-BE49-F238E27FC236}">
                <a16:creationId xmlns:a16="http://schemas.microsoft.com/office/drawing/2014/main" id="{D1344EE1-7DA2-CC18-5B37-A419F03346CD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11061065" y="4403925"/>
            <a:ext cx="152400" cy="177800"/>
          </a:xfrm>
          <a:prstGeom prst="star8">
            <a:avLst/>
          </a:prstGeom>
          <a:solidFill>
            <a:srgbClr val="F8981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8" name="OTLSHAPE_TB_00000000000000000000000000000000_ElapsedTime" hidden="1">
            <a:extLst>
              <a:ext uri="{FF2B5EF4-FFF2-40B4-BE49-F238E27FC236}">
                <a16:creationId xmlns:a16="http://schemas.microsoft.com/office/drawing/2014/main" id="{C65F2797-E674-32DF-1AEC-020B195471F1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1393910" y="1651200"/>
            <a:ext cx="0" cy="0"/>
          </a:xfrm>
          <a:prstGeom prst="rect">
            <a:avLst/>
          </a:prstGeom>
          <a:solidFill>
            <a:schemeClr val="accent3">
              <a:alpha val="2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3" name="OTLSHAPE_SL_5821ceb3932a4addbaf9945c73e8c837_Header">
            <a:extLst>
              <a:ext uri="{FF2B5EF4-FFF2-40B4-BE49-F238E27FC236}">
                <a16:creationId xmlns:a16="http://schemas.microsoft.com/office/drawing/2014/main" id="{85DADF87-3217-4AFB-B7E7-9F1E612684B7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63500" y="3013910"/>
            <a:ext cx="1206500" cy="4089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Company Milestones</a:t>
            </a:r>
          </a:p>
        </p:txBody>
      </p:sp>
      <p:sp>
        <p:nvSpPr>
          <p:cNvPr id="156" name="OTLSHAPE_SL_a135b47930a24b46abc86e33a40f7d22_Header">
            <a:extLst>
              <a:ext uri="{FF2B5EF4-FFF2-40B4-BE49-F238E27FC236}">
                <a16:creationId xmlns:a16="http://schemas.microsoft.com/office/drawing/2014/main" id="{A7DA49BD-CAD3-4323-8549-2C55F796E10B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63500" y="4756033"/>
            <a:ext cx="1206500" cy="4089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Product Launches</a:t>
            </a:r>
          </a:p>
        </p:txBody>
      </p:sp>
      <p:sp>
        <p:nvSpPr>
          <p:cNvPr id="298" name="OTLSHAPE_SL_a1cbae2ef52344fd926542ba9cdf1fbd_Header">
            <a:extLst>
              <a:ext uri="{FF2B5EF4-FFF2-40B4-BE49-F238E27FC236}">
                <a16:creationId xmlns:a16="http://schemas.microsoft.com/office/drawing/2014/main" id="{24F5FFBD-C5EE-43E9-84F9-4B5FFB25B84D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63500" y="5935545"/>
            <a:ext cx="1206500" cy="20447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Acquisitions</a:t>
            </a:r>
          </a:p>
        </p:txBody>
      </p:sp>
      <p:sp>
        <p:nvSpPr>
          <p:cNvPr id="38" name="OTLSHAPE_SL2A_e4dcd2b334f94c17ba12d390bd313bbf_Header" hidden="1">
            <a:extLst>
              <a:ext uri="{FF2B5EF4-FFF2-40B4-BE49-F238E27FC236}">
                <a16:creationId xmlns:a16="http://schemas.microsoft.com/office/drawing/2014/main" id="{2AA8573F-4596-6225-AEE2-C03EF1FBFE3A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SL2A_f95ee9362e644601a06b178ee72823d0_Header" hidden="1">
            <a:extLst>
              <a:ext uri="{FF2B5EF4-FFF2-40B4-BE49-F238E27FC236}">
                <a16:creationId xmlns:a16="http://schemas.microsoft.com/office/drawing/2014/main" id="{C81D2818-D27C-57A2-9D03-B91A1AE2179D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90" name="OTLSHAPE_SL2A_342573b169f243f0925d6c583ea2d5f8_Header" hidden="1">
            <a:extLst>
              <a:ext uri="{FF2B5EF4-FFF2-40B4-BE49-F238E27FC236}">
                <a16:creationId xmlns:a16="http://schemas.microsoft.com/office/drawing/2014/main" id="{1CAD4316-7335-B017-8799-F3065C568DF8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81" name="OTLSHAPE_TB_00000000000000000000000000000000_TodayMarkerShape" hidden="1">
            <a:extLst>
              <a:ext uri="{FF2B5EF4-FFF2-40B4-BE49-F238E27FC236}">
                <a16:creationId xmlns:a16="http://schemas.microsoft.com/office/drawing/2014/main" id="{5903E6E1-23E5-912B-0C1F-5E574646AACB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11094924" y="20322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C948E51C-F044-44E0-84B3-5276C49A5A7A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457410" y="1754070"/>
            <a:ext cx="339837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1994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C76BA588-1CE0-4668-BE4D-F3065768D225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2753153" y="1754070"/>
            <a:ext cx="339837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1998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31E39403-4633-46A2-AA11-B614643DD195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4048897" y="1754070"/>
            <a:ext cx="339837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02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1B38A5BE-0E2E-413F-BAF7-4BE9A359F749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5344642" y="1754070"/>
            <a:ext cx="339837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06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93F1FE65-08AB-4AB1-9391-2DD84FF6D5FE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6640385" y="1754070"/>
            <a:ext cx="339837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10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59305F9A-443E-4110-AF1D-821526F59A05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7936130" y="1754070"/>
            <a:ext cx="339837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14</a:t>
            </a: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02FC1F73-9F5B-45DD-95D6-7B63A00D9430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9231874" y="1754070"/>
            <a:ext cx="339837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18</a:t>
            </a:r>
          </a:p>
        </p:txBody>
      </p:sp>
      <p:sp>
        <p:nvSpPr>
          <p:cNvPr id="169" name="OTLSHAPE_SLM_4b900c4952f64dc9bb198438c3e8f13a_Title">
            <a:extLst>
              <a:ext uri="{FF2B5EF4-FFF2-40B4-BE49-F238E27FC236}">
                <a16:creationId xmlns:a16="http://schemas.microsoft.com/office/drawing/2014/main" id="{0B73861D-77A7-47F4-B091-67796D331CD2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4178027" y="2273500"/>
            <a:ext cx="16256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2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Lawsuit against Barnes &amp; Noble</a:t>
            </a:r>
          </a:p>
        </p:txBody>
      </p:sp>
      <p:sp>
        <p:nvSpPr>
          <p:cNvPr id="173" name="OTLSHAPE_SLM_cbdb74ad1eca496a9eed119cb76322d4_Title">
            <a:extLst>
              <a:ext uri="{FF2B5EF4-FFF2-40B4-BE49-F238E27FC236}">
                <a16:creationId xmlns:a16="http://schemas.microsoft.com/office/drawing/2014/main" id="{C742F2A5-AC7C-4C9B-8F6B-665CF4623C64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685870" y="2273500"/>
            <a:ext cx="876300" cy="13144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313D4D"/>
                </a:solidFill>
              </a14:hiddenFill>
            </a:ext>
          </a:extLst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Amazon founded</a:t>
            </a:r>
          </a:p>
        </p:txBody>
      </p:sp>
      <p:sp>
        <p:nvSpPr>
          <p:cNvPr id="175" name="OTLSHAPE_SLM_7540fb95024040c9b213e5053fb7287a_Title">
            <a:extLst>
              <a:ext uri="{FF2B5EF4-FFF2-40B4-BE49-F238E27FC236}">
                <a16:creationId xmlns:a16="http://schemas.microsoft.com/office/drawing/2014/main" id="{7375CC9F-94C4-49D6-97A2-6D4866C561EC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5893163" y="5757745"/>
            <a:ext cx="4191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6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 Zappos</a:t>
            </a:r>
          </a:p>
        </p:txBody>
      </p:sp>
      <p:sp>
        <p:nvSpPr>
          <p:cNvPr id="181" name="OTLSHAPE_SLM_feca1616763144059106d5d6eb414a2b_Title">
            <a:extLst>
              <a:ext uri="{FF2B5EF4-FFF2-40B4-BE49-F238E27FC236}">
                <a16:creationId xmlns:a16="http://schemas.microsoft.com/office/drawing/2014/main" id="{1633A3BE-C541-4E9E-9976-794BF8616304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8534422" y="4746190"/>
            <a:ext cx="1130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Amazon Underground</a:t>
            </a:r>
          </a:p>
        </p:txBody>
      </p:sp>
      <p:sp>
        <p:nvSpPr>
          <p:cNvPr id="184" name="OTLSHAPE_SLM_0e8e8170b4c04d41b847fb7c319502ff_Title">
            <a:extLst>
              <a:ext uri="{FF2B5EF4-FFF2-40B4-BE49-F238E27FC236}">
                <a16:creationId xmlns:a16="http://schemas.microsoft.com/office/drawing/2014/main" id="{48437F87-21DA-4AA1-910B-4AE557F0710D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8407" y="2585285"/>
            <a:ext cx="10922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IPOs at $18.00/share</a:t>
            </a:r>
          </a:p>
        </p:txBody>
      </p:sp>
      <p:sp>
        <p:nvSpPr>
          <p:cNvPr id="187" name="OTLSHAPE_SLM_dfaa97d909e9481db70b3f35041c2e69_Title">
            <a:extLst>
              <a:ext uri="{FF2B5EF4-FFF2-40B4-BE49-F238E27FC236}">
                <a16:creationId xmlns:a16="http://schemas.microsoft.com/office/drawing/2014/main" id="{AA373CA8-6275-4D2E-B95C-37AB7B840744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4628376" y="2585285"/>
            <a:ext cx="20066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2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Kindle e-books outsell hardcover books</a:t>
            </a:r>
          </a:p>
        </p:txBody>
      </p:sp>
      <p:sp>
        <p:nvSpPr>
          <p:cNvPr id="190" name="OTLSHAPE_SLM_1dbfbe296cec479b9c50a09e2b393d44_Title">
            <a:extLst>
              <a:ext uri="{FF2B5EF4-FFF2-40B4-BE49-F238E27FC236}">
                <a16:creationId xmlns:a16="http://schemas.microsoft.com/office/drawing/2014/main" id="{A127E228-8135-499C-B6C6-8C80368082D6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7457615" y="2273500"/>
            <a:ext cx="889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1st physical store</a:t>
            </a:r>
          </a:p>
        </p:txBody>
      </p:sp>
      <p:sp>
        <p:nvSpPr>
          <p:cNvPr id="193" name="OTLSHAPE_SLM_566a28de9e234e4492fa1babb1eeaee4_Title">
            <a:extLst>
              <a:ext uri="{FF2B5EF4-FFF2-40B4-BE49-F238E27FC236}">
                <a16:creationId xmlns:a16="http://schemas.microsoft.com/office/drawing/2014/main" id="{20BCDC0D-395A-42EB-ACB3-0CA464E20606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2380669" y="5757745"/>
            <a:ext cx="2921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1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IMDB</a:t>
            </a:r>
          </a:p>
        </p:txBody>
      </p:sp>
      <p:sp>
        <p:nvSpPr>
          <p:cNvPr id="196" name="OTLSHAPE_SLM_7e79cb9fc2fe4103998ae6055edfd753_Title">
            <a:extLst>
              <a:ext uri="{FF2B5EF4-FFF2-40B4-BE49-F238E27FC236}">
                <a16:creationId xmlns:a16="http://schemas.microsoft.com/office/drawing/2014/main" id="{A7E9DBE7-D149-4AEF-B2B5-650223BA8D04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6475016" y="6069530"/>
            <a:ext cx="6985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Kiva Systems</a:t>
            </a:r>
          </a:p>
        </p:txBody>
      </p:sp>
      <p:sp>
        <p:nvSpPr>
          <p:cNvPr id="199" name="OTLSHAPE_SLM_674ded9115184958b45972b970249740_Title">
            <a:extLst>
              <a:ext uri="{FF2B5EF4-FFF2-40B4-BE49-F238E27FC236}">
                <a16:creationId xmlns:a16="http://schemas.microsoft.com/office/drawing/2014/main" id="{357B0506-7BB1-4BC7-85F7-01E66295F89E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8191401" y="5757745"/>
            <a:ext cx="685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Whole Foods</a:t>
            </a:r>
          </a:p>
        </p:txBody>
      </p:sp>
      <p:sp>
        <p:nvSpPr>
          <p:cNvPr id="202" name="OTLSHAPE_SLM_aca44ebd5c2948a3b26dc72bd84a49db_Title">
            <a:extLst>
              <a:ext uri="{FF2B5EF4-FFF2-40B4-BE49-F238E27FC236}">
                <a16:creationId xmlns:a16="http://schemas.microsoft.com/office/drawing/2014/main" id="{C6756B29-1BFB-4791-ACA3-3CAEABAF6B61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566599" y="2962792"/>
            <a:ext cx="1193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2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Expands beyond books</a:t>
            </a:r>
          </a:p>
        </p:txBody>
      </p:sp>
      <p:sp>
        <p:nvSpPr>
          <p:cNvPr id="205" name="OTLSHAPE_SLM_bcb116cca13c42438ac2311d89f90b50_Title">
            <a:extLst>
              <a:ext uri="{FF2B5EF4-FFF2-40B4-BE49-F238E27FC236}">
                <a16:creationId xmlns:a16="http://schemas.microsoft.com/office/drawing/2014/main" id="{A24DBE9D-8981-4EEE-8F37-101576367053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6221837" y="2962792"/>
            <a:ext cx="13589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2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Amazon Launches in India</a:t>
            </a:r>
          </a:p>
        </p:txBody>
      </p:sp>
      <p:sp>
        <p:nvSpPr>
          <p:cNvPr id="208" name="OTLSHAPE_SLM_df7583b02c3b472b8ddbfe49dad4b09c_Title">
            <a:extLst>
              <a:ext uri="{FF2B5EF4-FFF2-40B4-BE49-F238E27FC236}">
                <a16:creationId xmlns:a16="http://schemas.microsoft.com/office/drawing/2014/main" id="{DD2B42C0-2F0B-4DD4-8513-A5D593E377A5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4628840" y="5369760"/>
            <a:ext cx="5969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6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Amazon S3</a:t>
            </a:r>
          </a:p>
        </p:txBody>
      </p:sp>
      <p:sp>
        <p:nvSpPr>
          <p:cNvPr id="211" name="OTLSHAPE_SLM_0ffee44a3f714a73ad3b8c1ed37a364a_Title">
            <a:extLst>
              <a:ext uri="{FF2B5EF4-FFF2-40B4-BE49-F238E27FC236}">
                <a16:creationId xmlns:a16="http://schemas.microsoft.com/office/drawing/2014/main" id="{A7A60604-AE5E-4A9B-96DF-ED0D28C9B599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7074604" y="4746190"/>
            <a:ext cx="11176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Amazon Instant Video</a:t>
            </a:r>
          </a:p>
        </p:txBody>
      </p:sp>
      <p:sp>
        <p:nvSpPr>
          <p:cNvPr id="214" name="OTLSHAPE_SLM_8688330dfb7442f196faf6f01ab6b5a8_Title">
            <a:extLst>
              <a:ext uri="{FF2B5EF4-FFF2-40B4-BE49-F238E27FC236}">
                <a16:creationId xmlns:a16="http://schemas.microsoft.com/office/drawing/2014/main" id="{1A7D4BA7-2F66-4AB1-9240-4608EEFECC06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8950373" y="5057975"/>
            <a:ext cx="9271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6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Amazon Prime Air</a:t>
            </a:r>
          </a:p>
        </p:txBody>
      </p:sp>
      <p:sp>
        <p:nvSpPr>
          <p:cNvPr id="217" name="OTLSHAPE_SLM_ea0e0127ae8e4e8cae8f0c5e59d1f2b1_Title">
            <a:extLst>
              <a:ext uri="{FF2B5EF4-FFF2-40B4-BE49-F238E27FC236}">
                <a16:creationId xmlns:a16="http://schemas.microsoft.com/office/drawing/2014/main" id="{386459E3-39A7-4B70-B9B3-DB8CB1394559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4050016" y="4368683"/>
            <a:ext cx="3937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A9.com</a:t>
            </a:r>
          </a:p>
        </p:txBody>
      </p:sp>
      <p:sp>
        <p:nvSpPr>
          <p:cNvPr id="220" name="OTLSHAPE_SLM_34cc2c74d42244398410f01f8eea2eb9_Title">
            <a:extLst>
              <a:ext uri="{FF2B5EF4-FFF2-40B4-BE49-F238E27FC236}">
                <a16:creationId xmlns:a16="http://schemas.microsoft.com/office/drawing/2014/main" id="{A94EE71B-731E-4230-9D8B-47E1B0929B95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6018320" y="5369760"/>
            <a:ext cx="7747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Amazon Kindle</a:t>
            </a:r>
          </a:p>
        </p:txBody>
      </p:sp>
      <p:sp>
        <p:nvSpPr>
          <p:cNvPr id="223" name="OTLSHAPE_SLM_1ff03c8a40ec4c389bf872ec0334c429_Title">
            <a:extLst>
              <a:ext uri="{FF2B5EF4-FFF2-40B4-BE49-F238E27FC236}">
                <a16:creationId xmlns:a16="http://schemas.microsoft.com/office/drawing/2014/main" id="{F96480F3-C4F6-46D6-B2C4-04ACA6BD6194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6877436" y="5757745"/>
            <a:ext cx="622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6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GoodReads</a:t>
            </a:r>
          </a:p>
        </p:txBody>
      </p:sp>
      <p:sp>
        <p:nvSpPr>
          <p:cNvPr id="226" name="OTLSHAPE_SLM_4d34ceaa42584b278f7f06fda25acce6_Title">
            <a:extLst>
              <a:ext uri="{FF2B5EF4-FFF2-40B4-BE49-F238E27FC236}">
                <a16:creationId xmlns:a16="http://schemas.microsoft.com/office/drawing/2014/main" id="{AE7FBFC8-E20C-4EEE-8767-0D0179F72CE6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4121627" y="4746190"/>
            <a:ext cx="762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Amazon Prime</a:t>
            </a:r>
          </a:p>
        </p:txBody>
      </p:sp>
      <p:sp>
        <p:nvSpPr>
          <p:cNvPr id="230" name="OTLSHAPE_SLM_fa414cca208a41c5b6b7065c9faf1baa_Title">
            <a:extLst>
              <a:ext uri="{FF2B5EF4-FFF2-40B4-BE49-F238E27FC236}">
                <a16:creationId xmlns:a16="http://schemas.microsoft.com/office/drawing/2014/main" id="{E0BF8FBE-F6B2-48FB-ADFB-894A437ACD3B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5969541" y="5057975"/>
            <a:ext cx="762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Amazon Music</a:t>
            </a:r>
          </a:p>
        </p:txBody>
      </p:sp>
      <p:sp>
        <p:nvSpPr>
          <p:cNvPr id="232" name="OTLSHAPE_SLM_becbbf265d2140d3b4550874a0af81ec_Title">
            <a:extLst>
              <a:ext uri="{FF2B5EF4-FFF2-40B4-BE49-F238E27FC236}">
                <a16:creationId xmlns:a16="http://schemas.microsoft.com/office/drawing/2014/main" id="{612FB130-E6CD-4FF4-8EE2-B8CD61A72E99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3829967" y="5057975"/>
            <a:ext cx="12954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6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Amazon Mechanical Turk</a:t>
            </a:r>
          </a:p>
        </p:txBody>
      </p:sp>
      <p:sp>
        <p:nvSpPr>
          <p:cNvPr id="235" name="OTLSHAPE_SLM_3bf7fa456f1a451fa6708e852ff3c3f9_Title">
            <a:extLst>
              <a:ext uri="{FF2B5EF4-FFF2-40B4-BE49-F238E27FC236}">
                <a16:creationId xmlns:a16="http://schemas.microsoft.com/office/drawing/2014/main" id="{6D975AE6-22DA-4F24-893B-E0FFEEA4A2E9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7135799" y="5057975"/>
            <a:ext cx="9144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6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Amazon Appstore</a:t>
            </a:r>
          </a:p>
        </p:txBody>
      </p:sp>
      <p:sp>
        <p:nvSpPr>
          <p:cNvPr id="238" name="OTLSHAPE_SLM_62c66c1017d64b6f824ab65762de1681_Title">
            <a:extLst>
              <a:ext uri="{FF2B5EF4-FFF2-40B4-BE49-F238E27FC236}">
                <a16:creationId xmlns:a16="http://schemas.microsoft.com/office/drawing/2014/main" id="{B47B1022-EF79-48BB-BD26-DDB07A73C45A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8182328" y="4368683"/>
            <a:ext cx="558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Kindle Fire</a:t>
            </a:r>
          </a:p>
        </p:txBody>
      </p:sp>
      <p:sp>
        <p:nvSpPr>
          <p:cNvPr id="241" name="OTLSHAPE_SLM_c85fb0daaa69454d96e7e90247c1ac2f_Title">
            <a:extLst>
              <a:ext uri="{FF2B5EF4-FFF2-40B4-BE49-F238E27FC236}">
                <a16:creationId xmlns:a16="http://schemas.microsoft.com/office/drawing/2014/main" id="{DE25325F-8B21-4CE4-ADB2-6A37434261D8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5618333" y="4368683"/>
            <a:ext cx="16256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2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Amazon Elastic Compute Cloud</a:t>
            </a:r>
          </a:p>
        </p:txBody>
      </p:sp>
      <p:sp>
        <p:nvSpPr>
          <p:cNvPr id="244" name="OTLSHAPE_SLM_fa5edf5e98624f778b644287772480af_Title">
            <a:extLst>
              <a:ext uri="{FF2B5EF4-FFF2-40B4-BE49-F238E27FC236}">
                <a16:creationId xmlns:a16="http://schemas.microsoft.com/office/drawing/2014/main" id="{0C3A7811-46B3-44A0-A731-A64B75A2CA05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5933179" y="4746190"/>
            <a:ext cx="749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Amazon Fresh</a:t>
            </a:r>
          </a:p>
        </p:txBody>
      </p:sp>
      <p:sp>
        <p:nvSpPr>
          <p:cNvPr id="279" name="OTLSHAPE_SLM_af199d30894f42628c852e7e623427e3_Title">
            <a:extLst>
              <a:ext uri="{FF2B5EF4-FFF2-40B4-BE49-F238E27FC236}">
                <a16:creationId xmlns:a16="http://schemas.microsoft.com/office/drawing/2014/main" id="{D5B0FCA5-B982-42C4-BFD1-9D544EEDAF15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7954580" y="2897070"/>
            <a:ext cx="990600" cy="26289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900" strike="noStrike" kern="1200" cap="none" spc="-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Search for 2nd HQ </a:t>
            </a:r>
          </a:p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900" strike="noStrike" kern="1200" cap="none" spc="-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announced</a:t>
            </a:r>
            <a:endParaRPr kumimoji="0" lang="en-US" sz="900" strike="noStrike" kern="1200" cap="none" spc="-4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282" name="OTLSHAPE_SLM_0c4b6c011d1f46dcb574180e3e851562_Title">
            <a:extLst>
              <a:ext uri="{FF2B5EF4-FFF2-40B4-BE49-F238E27FC236}">
                <a16:creationId xmlns:a16="http://schemas.microsoft.com/office/drawing/2014/main" id="{7C362F78-5A1D-46A9-B07E-23922EA38506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7760903" y="2585285"/>
            <a:ext cx="1511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2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$1 trillion market cap reached</a:t>
            </a:r>
          </a:p>
        </p:txBody>
      </p:sp>
      <p:sp>
        <p:nvSpPr>
          <p:cNvPr id="285" name="OTLSHAPE_SLM_cf5bc3fb223c4c819dbc581c1a9dd126_Title">
            <a:extLst>
              <a:ext uri="{FF2B5EF4-FFF2-40B4-BE49-F238E27FC236}">
                <a16:creationId xmlns:a16="http://schemas.microsoft.com/office/drawing/2014/main" id="{FACE1DF6-B4B7-4102-8F6B-C271E546C780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9539267" y="2273500"/>
            <a:ext cx="15621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2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Minimum wage raised to $15/h</a:t>
            </a:r>
          </a:p>
        </p:txBody>
      </p:sp>
      <p:sp>
        <p:nvSpPr>
          <p:cNvPr id="291" name="OTLSHAPE_SLM_8a57eef748bb4878a1e720f21b941939_Title">
            <a:extLst>
              <a:ext uri="{FF2B5EF4-FFF2-40B4-BE49-F238E27FC236}">
                <a16:creationId xmlns:a16="http://schemas.microsoft.com/office/drawing/2014/main" id="{D9AD5C24-FC77-400A-9345-A08B65317E1F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9647468" y="2962792"/>
            <a:ext cx="12065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NY HQ plans scrapped </a:t>
            </a:r>
          </a:p>
        </p:txBody>
      </p:sp>
      <p:sp>
        <p:nvSpPr>
          <p:cNvPr id="294" name="OTLSHAPE_SLM_187ea8bdda4746bdaeabf771208b9aba_Title">
            <a:extLst>
              <a:ext uri="{FF2B5EF4-FFF2-40B4-BE49-F238E27FC236}">
                <a16:creationId xmlns:a16="http://schemas.microsoft.com/office/drawing/2014/main" id="{B7654052-5CF0-434D-BBAD-5E745DCFB690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9784049" y="2585285"/>
            <a:ext cx="1016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5-year anniversary</a:t>
            </a:r>
          </a:p>
        </p:txBody>
      </p:sp>
      <p:sp>
        <p:nvSpPr>
          <p:cNvPr id="300" name="OTLSHAPE_SLM_7439d1b50e634267ac9915ee5dacd148_Title">
            <a:extLst>
              <a:ext uri="{FF2B5EF4-FFF2-40B4-BE49-F238E27FC236}">
                <a16:creationId xmlns:a16="http://schemas.microsoft.com/office/drawing/2014/main" id="{ABEDB8EF-1F56-454D-8259-B5A7F18B1CD0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7631887" y="6069530"/>
            <a:ext cx="3302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16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Twitch</a:t>
            </a:r>
          </a:p>
        </p:txBody>
      </p:sp>
      <p:sp>
        <p:nvSpPr>
          <p:cNvPr id="303" name="OTLSHAPE_SLM_4a050a7f01ec42079d433e82402234ac_Title">
            <a:extLst>
              <a:ext uri="{FF2B5EF4-FFF2-40B4-BE49-F238E27FC236}">
                <a16:creationId xmlns:a16="http://schemas.microsoft.com/office/drawing/2014/main" id="{ED4DE867-BC6C-42DA-8B75-C69AC1821BD4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5447682" y="6069530"/>
            <a:ext cx="3937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Audible</a:t>
            </a:r>
          </a:p>
        </p:txBody>
      </p:sp>
      <p:sp>
        <p:nvSpPr>
          <p:cNvPr id="306" name="OTLSHAPE_SLM_3d838d7b3cc24fc78f1dc938a1d0ca98_Title">
            <a:extLst>
              <a:ext uri="{FF2B5EF4-FFF2-40B4-BE49-F238E27FC236}">
                <a16:creationId xmlns:a16="http://schemas.microsoft.com/office/drawing/2014/main" id="{0415CF62-45B9-4422-AEC0-F9A8AFED9B87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2257818" y="3406022"/>
            <a:ext cx="876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zShops launches</a:t>
            </a:r>
          </a:p>
        </p:txBody>
      </p:sp>
      <p:sp>
        <p:nvSpPr>
          <p:cNvPr id="309" name="OTLSHAPE_SLM_02b79a8b0e76404db529083c6964ef12_Title">
            <a:extLst>
              <a:ext uri="{FF2B5EF4-FFF2-40B4-BE49-F238E27FC236}">
                <a16:creationId xmlns:a16="http://schemas.microsoft.com/office/drawing/2014/main" id="{7715E355-E304-465B-A582-14FC50DA6AEC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4438364" y="5757745"/>
            <a:ext cx="2794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1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 Joyo</a:t>
            </a:r>
          </a:p>
        </p:txBody>
      </p:sp>
      <p:sp>
        <p:nvSpPr>
          <p:cNvPr id="312" name="OTLSHAPE_TB_00000000000000000000000000000000_TimescaleInterval8">
            <a:extLst>
              <a:ext uri="{FF2B5EF4-FFF2-40B4-BE49-F238E27FC236}">
                <a16:creationId xmlns:a16="http://schemas.microsoft.com/office/drawing/2014/main" id="{18CDBDFF-180D-4F78-BC50-9B853C3603F5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0527617" y="1754070"/>
            <a:ext cx="339837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2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22</a:t>
            </a:r>
          </a:p>
        </p:txBody>
      </p:sp>
      <p:sp>
        <p:nvSpPr>
          <p:cNvPr id="321" name="OTLSHAPE_SLM_59bf4b9f597041ec89b41ce10c7ee3b3_Title">
            <a:extLst>
              <a:ext uri="{FF2B5EF4-FFF2-40B4-BE49-F238E27FC236}">
                <a16:creationId xmlns:a16="http://schemas.microsoft.com/office/drawing/2014/main" id="{BEA865C5-C125-4208-8EB0-2ED062703520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8769610" y="6069530"/>
            <a:ext cx="4191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6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PillPack</a:t>
            </a:r>
          </a:p>
        </p:txBody>
      </p:sp>
      <p:sp>
        <p:nvSpPr>
          <p:cNvPr id="324" name="OTLSHAPE_SLM_a586577f2f534ccd8559c16f8939adb3_Title">
            <a:extLst>
              <a:ext uri="{FF2B5EF4-FFF2-40B4-BE49-F238E27FC236}">
                <a16:creationId xmlns:a16="http://schemas.microsoft.com/office/drawing/2014/main" id="{D0F00AC6-A132-4C00-AE8C-53B0B5429C5E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9855886" y="5369760"/>
            <a:ext cx="7112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i="0" u="none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Amazon Care</a:t>
            </a:r>
          </a:p>
        </p:txBody>
      </p:sp>
      <p:sp>
        <p:nvSpPr>
          <p:cNvPr id="24" name="OTLSHAPE_SLM_cf5bc3fb223c4c819dbc581c1a9dd126_Date">
            <a:extLst>
              <a:ext uri="{FF2B5EF4-FFF2-40B4-BE49-F238E27FC236}">
                <a16:creationId xmlns:a16="http://schemas.microsoft.com/office/drawing/2014/main" id="{2CB49C35-7E9C-4D02-B5C8-AD4F6F2CD42A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9539267" y="2404945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800" dirty="0">
                <a:solidFill>
                  <a:srgbClr val="E7E6E6"/>
                </a:solidFill>
                <a:latin typeface="Arial Narrow" panose="020B0606020202030204" pitchFamily="34" charset="0"/>
              </a:rPr>
              <a:t>2018</a:t>
            </a:r>
          </a:p>
        </p:txBody>
      </p:sp>
      <p:sp>
        <p:nvSpPr>
          <p:cNvPr id="25" name="OTLSHAPE_SLM_cbdb74ad1eca496a9eed119cb76322d4_Date">
            <a:extLst>
              <a:ext uri="{FF2B5EF4-FFF2-40B4-BE49-F238E27FC236}">
                <a16:creationId xmlns:a16="http://schemas.microsoft.com/office/drawing/2014/main" id="{B8B127AA-7593-4814-ABC7-C04EAAF16ECD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685870" y="2404945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dirty="0">
                <a:solidFill>
                  <a:srgbClr val="E7E6E6"/>
                </a:solidFill>
                <a:latin typeface="Arial Narrow" panose="020B0606020202030204" pitchFamily="34" charset="0"/>
              </a:rPr>
              <a:t>1994</a:t>
            </a:r>
          </a:p>
        </p:txBody>
      </p:sp>
      <p:sp>
        <p:nvSpPr>
          <p:cNvPr id="26" name="OTLSHAPE_SLM_4b900c4952f64dc9bb198438c3e8f13a_Date">
            <a:extLst>
              <a:ext uri="{FF2B5EF4-FFF2-40B4-BE49-F238E27FC236}">
                <a16:creationId xmlns:a16="http://schemas.microsoft.com/office/drawing/2014/main" id="{0D06A2F0-3E55-4276-9900-D5987BAEAA3A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4178027" y="2404945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800" dirty="0">
                <a:solidFill>
                  <a:srgbClr val="E7E6E6"/>
                </a:solidFill>
                <a:latin typeface="Arial Narrow" panose="020B0606020202030204" pitchFamily="34" charset="0"/>
              </a:rPr>
              <a:t>2002</a:t>
            </a:r>
          </a:p>
        </p:txBody>
      </p:sp>
      <p:sp>
        <p:nvSpPr>
          <p:cNvPr id="27" name="OTLSHAPE_SLM_1dbfbe296cec479b9c50a09e2b393d44_Date">
            <a:extLst>
              <a:ext uri="{FF2B5EF4-FFF2-40B4-BE49-F238E27FC236}">
                <a16:creationId xmlns:a16="http://schemas.microsoft.com/office/drawing/2014/main" id="{4046CCF2-AC02-4B57-85D4-D0C24D54BCFF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8155311" y="2404945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>
                <a:solidFill>
                  <a:srgbClr val="E7E6E6"/>
                </a:solidFill>
                <a:latin typeface="Arial Narrow" panose="020B0606020202030204" pitchFamily="34" charset="0"/>
              </a:rPr>
              <a:t>2015</a:t>
            </a:r>
          </a:p>
        </p:txBody>
      </p:sp>
      <p:sp>
        <p:nvSpPr>
          <p:cNvPr id="28" name="OTLSHAPE_SLM_aca44ebd5c2948a3b26dc72bd84a49db_Date">
            <a:extLst>
              <a:ext uri="{FF2B5EF4-FFF2-40B4-BE49-F238E27FC236}">
                <a16:creationId xmlns:a16="http://schemas.microsoft.com/office/drawing/2014/main" id="{4A14DDC5-CE01-42B6-9A12-9AC3F4636397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2569688" y="3094237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>
                <a:solidFill>
                  <a:srgbClr val="E7E6E6"/>
                </a:solidFill>
                <a:latin typeface="Arial Narrow" panose="020B0606020202030204" pitchFamily="34" charset="0"/>
              </a:rPr>
              <a:t>1998</a:t>
            </a:r>
          </a:p>
        </p:txBody>
      </p:sp>
      <p:sp>
        <p:nvSpPr>
          <p:cNvPr id="29" name="OTLSHAPE_SLM_dfaa97d909e9481db70b3f35041c2e69_Date">
            <a:extLst>
              <a:ext uri="{FF2B5EF4-FFF2-40B4-BE49-F238E27FC236}">
                <a16:creationId xmlns:a16="http://schemas.microsoft.com/office/drawing/2014/main" id="{CE2BDA15-AAA5-44A9-AE5F-1B65E84B7C59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6438295" y="2716730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800">
                <a:solidFill>
                  <a:srgbClr val="E7E6E6"/>
                </a:solidFill>
                <a:latin typeface="Arial Narrow" panose="020B0606020202030204" pitchFamily="34" charset="0"/>
              </a:rPr>
              <a:t>2010</a:t>
            </a:r>
          </a:p>
        </p:txBody>
      </p:sp>
      <p:sp>
        <p:nvSpPr>
          <p:cNvPr id="30" name="OTLSHAPE_SLM_af199d30894f42628c852e7e623427e3_Date">
            <a:extLst>
              <a:ext uri="{FF2B5EF4-FFF2-40B4-BE49-F238E27FC236}">
                <a16:creationId xmlns:a16="http://schemas.microsoft.com/office/drawing/2014/main" id="{211EBEAB-C2AB-4089-90C1-64D38E9252A7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8753960" y="3159960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>
                <a:solidFill>
                  <a:srgbClr val="E7E6E6"/>
                </a:solidFill>
                <a:latin typeface="Arial Narrow" panose="020B0606020202030204" pitchFamily="34" charset="0"/>
              </a:rPr>
              <a:t>2017</a:t>
            </a:r>
          </a:p>
        </p:txBody>
      </p:sp>
      <p:sp>
        <p:nvSpPr>
          <p:cNvPr id="31" name="OTLSHAPE_SLM_187ea8bdda4746bdaeabf771208b9aba_Date">
            <a:extLst>
              <a:ext uri="{FF2B5EF4-FFF2-40B4-BE49-F238E27FC236}">
                <a16:creationId xmlns:a16="http://schemas.microsoft.com/office/drawing/2014/main" id="{765957F7-1DEA-4427-9C0C-01A40144BB03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9784049" y="2716730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800" dirty="0">
                <a:solidFill>
                  <a:srgbClr val="E7E6E6"/>
                </a:solidFill>
                <a:latin typeface="Arial Narrow" panose="020B0606020202030204" pitchFamily="34" charset="0"/>
              </a:rPr>
              <a:t>2019</a:t>
            </a:r>
          </a:p>
        </p:txBody>
      </p:sp>
      <p:sp>
        <p:nvSpPr>
          <p:cNvPr id="32" name="OTLSHAPE_SLM_bcb116cca13c42438ac2311d89f90b50_Date">
            <a:extLst>
              <a:ext uri="{FF2B5EF4-FFF2-40B4-BE49-F238E27FC236}">
                <a16:creationId xmlns:a16="http://schemas.microsoft.com/office/drawing/2014/main" id="{3162F1EF-5C20-42EB-9A73-649916AB0C21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7383718" y="3094237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>
                <a:solidFill>
                  <a:srgbClr val="E7E6E6"/>
                </a:solidFill>
                <a:latin typeface="Arial Narrow" panose="020B0606020202030204" pitchFamily="34" charset="0"/>
              </a:rPr>
              <a:t>2013</a:t>
            </a:r>
          </a:p>
        </p:txBody>
      </p:sp>
      <p:sp>
        <p:nvSpPr>
          <p:cNvPr id="33" name="OTLSHAPE_SLM_3d838d7b3cc24fc78f1dc938a1d0ca98_Date">
            <a:extLst>
              <a:ext uri="{FF2B5EF4-FFF2-40B4-BE49-F238E27FC236}">
                <a16:creationId xmlns:a16="http://schemas.microsoft.com/office/drawing/2014/main" id="{4403BAD8-B31E-4E37-867E-1D65B9D414A1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2943068" y="3537467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>
                <a:solidFill>
                  <a:srgbClr val="E7E6E6"/>
                </a:solidFill>
                <a:latin typeface="Arial Narrow" panose="020B0606020202030204" pitchFamily="34" charset="0"/>
              </a:rPr>
              <a:t>1999</a:t>
            </a:r>
          </a:p>
        </p:txBody>
      </p:sp>
      <p:sp>
        <p:nvSpPr>
          <p:cNvPr id="34" name="OTLSHAPE_SLM_8a57eef748bb4878a1e720f21b941939_Date">
            <a:extLst>
              <a:ext uri="{FF2B5EF4-FFF2-40B4-BE49-F238E27FC236}">
                <a16:creationId xmlns:a16="http://schemas.microsoft.com/office/drawing/2014/main" id="{78FD1BD2-2648-4B09-8C93-037192BFA4B2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9647468" y="3094237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dirty="0">
                <a:solidFill>
                  <a:srgbClr val="E7E6E6"/>
                </a:solidFill>
                <a:latin typeface="Arial Narrow" panose="020B0606020202030204" pitchFamily="34" charset="0"/>
              </a:rPr>
              <a:t>2019</a:t>
            </a:r>
          </a:p>
        </p:txBody>
      </p:sp>
      <p:sp>
        <p:nvSpPr>
          <p:cNvPr id="35" name="OTLSHAPE_SLM_0e8e8170b4c04d41b847fb7c319502ff_Date">
            <a:extLst>
              <a:ext uri="{FF2B5EF4-FFF2-40B4-BE49-F238E27FC236}">
                <a16:creationId xmlns:a16="http://schemas.microsoft.com/office/drawing/2014/main" id="{6055D5BC-5D7B-4A8D-98B3-97EE59E370DC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2173249" y="2716730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800">
                <a:solidFill>
                  <a:srgbClr val="E7E6E6"/>
                </a:solidFill>
                <a:latin typeface="Arial Narrow" panose="020B0606020202030204" pitchFamily="34" charset="0"/>
              </a:rPr>
              <a:t>1997</a:t>
            </a:r>
          </a:p>
        </p:txBody>
      </p:sp>
      <p:sp>
        <p:nvSpPr>
          <p:cNvPr id="36" name="OTLSHAPE_SLM_0c4b6c011d1f46dcb574180e3e851562_Date">
            <a:extLst>
              <a:ext uri="{FF2B5EF4-FFF2-40B4-BE49-F238E27FC236}">
                <a16:creationId xmlns:a16="http://schemas.microsoft.com/office/drawing/2014/main" id="{A710593B-0B3A-4027-89D1-6DBAF8D4069C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9075014" y="2716730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>
                <a:solidFill>
                  <a:srgbClr val="E7E6E6"/>
                </a:solidFill>
                <a:latin typeface="Arial Narrow" panose="020B0606020202030204" pitchFamily="34" charset="0"/>
              </a:rPr>
              <a:t>2018</a:t>
            </a:r>
          </a:p>
        </p:txBody>
      </p:sp>
      <p:sp>
        <p:nvSpPr>
          <p:cNvPr id="41" name="OTLSHAPE_SLM_c85fb0daaa69454d96e7e90247c1ac2f_Date">
            <a:extLst>
              <a:ext uri="{FF2B5EF4-FFF2-40B4-BE49-F238E27FC236}">
                <a16:creationId xmlns:a16="http://schemas.microsoft.com/office/drawing/2014/main" id="{EBEB1B6B-CBB8-4CF4-928F-573F06E9C109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5618333" y="4500128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E7E6E6"/>
                </a:solidFill>
                <a:latin typeface="Arial Narrow" panose="020B0606020202030204" pitchFamily="34" charset="0"/>
              </a:rPr>
              <a:t>2006</a:t>
            </a:r>
          </a:p>
        </p:txBody>
      </p:sp>
      <p:sp>
        <p:nvSpPr>
          <p:cNvPr id="42" name="OTLSHAPE_SLM_0ffee44a3f714a73ad3b8c1ed37a364a_Date">
            <a:extLst>
              <a:ext uri="{FF2B5EF4-FFF2-40B4-BE49-F238E27FC236}">
                <a16:creationId xmlns:a16="http://schemas.microsoft.com/office/drawing/2014/main" id="{2AF76021-99D2-47F2-B15A-53A8BB96880E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7074604" y="4877635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dirty="0">
                <a:solidFill>
                  <a:srgbClr val="E7E6E6"/>
                </a:solidFill>
                <a:latin typeface="Arial Narrow" panose="020B0606020202030204" pitchFamily="34" charset="0"/>
              </a:rPr>
              <a:t>2011</a:t>
            </a:r>
          </a:p>
        </p:txBody>
      </p:sp>
      <p:sp>
        <p:nvSpPr>
          <p:cNvPr id="43" name="OTLSHAPE_SLM_feca1616763144059106d5d6eb414a2b_Date">
            <a:extLst>
              <a:ext uri="{FF2B5EF4-FFF2-40B4-BE49-F238E27FC236}">
                <a16:creationId xmlns:a16="http://schemas.microsoft.com/office/drawing/2014/main" id="{C6849CC8-EEED-4F62-BC60-3B037881F500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8534422" y="4877635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dirty="0">
                <a:solidFill>
                  <a:srgbClr val="E7E6E6"/>
                </a:solidFill>
                <a:latin typeface="Arial Narrow" panose="020B0606020202030204" pitchFamily="34" charset="0"/>
              </a:rPr>
              <a:t>2015</a:t>
            </a:r>
          </a:p>
        </p:txBody>
      </p:sp>
      <p:sp>
        <p:nvSpPr>
          <p:cNvPr id="44" name="OTLSHAPE_SLM_3bf7fa456f1a451fa6708e852ff3c3f9_Date">
            <a:extLst>
              <a:ext uri="{FF2B5EF4-FFF2-40B4-BE49-F238E27FC236}">
                <a16:creationId xmlns:a16="http://schemas.microsoft.com/office/drawing/2014/main" id="{0F48C350-369A-4C60-B611-72A0330B7E0A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7135799" y="5189420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800" dirty="0">
                <a:solidFill>
                  <a:srgbClr val="E7E6E6"/>
                </a:solidFill>
                <a:latin typeface="Arial Narrow" panose="020B0606020202030204" pitchFamily="34" charset="0"/>
              </a:rPr>
              <a:t>2011</a:t>
            </a:r>
          </a:p>
        </p:txBody>
      </p:sp>
      <p:sp>
        <p:nvSpPr>
          <p:cNvPr id="45" name="OTLSHAPE_SLM_fa5edf5e98624f778b644287772480af_Date">
            <a:extLst>
              <a:ext uri="{FF2B5EF4-FFF2-40B4-BE49-F238E27FC236}">
                <a16:creationId xmlns:a16="http://schemas.microsoft.com/office/drawing/2014/main" id="{CCFA45BE-1506-4E2E-9DA9-9221594692E9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5933179" y="4877635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800" dirty="0">
                <a:solidFill>
                  <a:srgbClr val="E7E6E6"/>
                </a:solidFill>
                <a:latin typeface="Arial Narrow" panose="020B0606020202030204" pitchFamily="34" charset="0"/>
              </a:rPr>
              <a:t>2007</a:t>
            </a:r>
          </a:p>
        </p:txBody>
      </p:sp>
      <p:sp>
        <p:nvSpPr>
          <p:cNvPr id="46" name="OTLSHAPE_SLM_4d34ceaa42584b278f7f06fda25acce6_Date">
            <a:extLst>
              <a:ext uri="{FF2B5EF4-FFF2-40B4-BE49-F238E27FC236}">
                <a16:creationId xmlns:a16="http://schemas.microsoft.com/office/drawing/2014/main" id="{A9ACF8FF-9FB1-4E36-BC78-A7FD57A3FECA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4685804" y="4877635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800">
                <a:solidFill>
                  <a:srgbClr val="E7E6E6"/>
                </a:solidFill>
                <a:latin typeface="Arial Narrow" panose="020B0606020202030204" pitchFamily="34" charset="0"/>
              </a:rPr>
              <a:t>2005</a:t>
            </a:r>
          </a:p>
        </p:txBody>
      </p:sp>
      <p:sp>
        <p:nvSpPr>
          <p:cNvPr id="47" name="OTLSHAPE_SLM_8688330dfb7442f196faf6f01ab6b5a8_Date">
            <a:extLst>
              <a:ext uri="{FF2B5EF4-FFF2-40B4-BE49-F238E27FC236}">
                <a16:creationId xmlns:a16="http://schemas.microsoft.com/office/drawing/2014/main" id="{A5B8D00C-B567-4450-AF8B-DB1AF86265BD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8950373" y="5189420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800" dirty="0">
                <a:solidFill>
                  <a:srgbClr val="E7E6E6"/>
                </a:solidFill>
                <a:latin typeface="Arial Narrow" panose="020B0606020202030204" pitchFamily="34" charset="0"/>
              </a:rPr>
              <a:t>2016</a:t>
            </a:r>
          </a:p>
        </p:txBody>
      </p:sp>
      <p:sp>
        <p:nvSpPr>
          <p:cNvPr id="48" name="OTLSHAPE_SLM_becbbf265d2140d3b4550874a0af81ec_Date">
            <a:extLst>
              <a:ext uri="{FF2B5EF4-FFF2-40B4-BE49-F238E27FC236}">
                <a16:creationId xmlns:a16="http://schemas.microsoft.com/office/drawing/2014/main" id="{2DC7826B-BDBF-4BB8-887C-C439E78F593B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4927924" y="5189420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>
                <a:solidFill>
                  <a:srgbClr val="E7E6E6"/>
                </a:solidFill>
                <a:latin typeface="Arial Narrow" panose="020B0606020202030204" pitchFamily="34" charset="0"/>
              </a:rPr>
              <a:t>2005</a:t>
            </a:r>
          </a:p>
        </p:txBody>
      </p:sp>
      <p:sp>
        <p:nvSpPr>
          <p:cNvPr id="49" name="OTLSHAPE_SLM_62c66c1017d64b6f824ab65762de1681_Date">
            <a:extLst>
              <a:ext uri="{FF2B5EF4-FFF2-40B4-BE49-F238E27FC236}">
                <a16:creationId xmlns:a16="http://schemas.microsoft.com/office/drawing/2014/main" id="{4B7A914B-036C-4CD0-9B95-06882080F216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8182328" y="4500128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800" dirty="0">
                <a:solidFill>
                  <a:srgbClr val="E7E6E6"/>
                </a:solidFill>
                <a:latin typeface="Arial Narrow" panose="020B0606020202030204" pitchFamily="34" charset="0"/>
              </a:rPr>
              <a:t>2014</a:t>
            </a:r>
          </a:p>
        </p:txBody>
      </p:sp>
      <p:sp>
        <p:nvSpPr>
          <p:cNvPr id="50" name="OTLSHAPE_SLM_34cc2c74d42244398410f01f8eea2eb9_Date">
            <a:extLst>
              <a:ext uri="{FF2B5EF4-FFF2-40B4-BE49-F238E27FC236}">
                <a16:creationId xmlns:a16="http://schemas.microsoft.com/office/drawing/2014/main" id="{267929AA-C93E-43D3-B987-17F72585650A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6018320" y="5501205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dirty="0">
                <a:solidFill>
                  <a:srgbClr val="E7E6E6"/>
                </a:solidFill>
                <a:latin typeface="Arial Narrow" panose="020B0606020202030204" pitchFamily="34" charset="0"/>
              </a:rPr>
              <a:t>2007</a:t>
            </a:r>
          </a:p>
        </p:txBody>
      </p:sp>
      <p:sp>
        <p:nvSpPr>
          <p:cNvPr id="51" name="OTLSHAPE_SLM_a586577f2f534ccd8559c16f8939adb3_Date">
            <a:extLst>
              <a:ext uri="{FF2B5EF4-FFF2-40B4-BE49-F238E27FC236}">
                <a16:creationId xmlns:a16="http://schemas.microsoft.com/office/drawing/2014/main" id="{7CCE4A82-947F-40E9-A007-14F2871F0EFA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9855886" y="5501205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dirty="0">
                <a:solidFill>
                  <a:srgbClr val="E7E6E6"/>
                </a:solidFill>
                <a:latin typeface="Arial Narrow" panose="020B0606020202030204" pitchFamily="34" charset="0"/>
              </a:rPr>
              <a:t>2019</a:t>
            </a:r>
          </a:p>
        </p:txBody>
      </p:sp>
      <p:sp>
        <p:nvSpPr>
          <p:cNvPr id="52" name="OTLSHAPE_SLM_ea0e0127ae8e4e8cae8f0c5e59d1f2b1_Date">
            <a:extLst>
              <a:ext uri="{FF2B5EF4-FFF2-40B4-BE49-F238E27FC236}">
                <a16:creationId xmlns:a16="http://schemas.microsoft.com/office/drawing/2014/main" id="{E28769E8-4014-4A5B-A334-15BEC0574E84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4252115" y="4500128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800">
                <a:solidFill>
                  <a:srgbClr val="E7E6E6"/>
                </a:solidFill>
                <a:latin typeface="Arial Narrow" panose="020B0606020202030204" pitchFamily="34" charset="0"/>
              </a:rPr>
              <a:t>2003</a:t>
            </a:r>
          </a:p>
        </p:txBody>
      </p:sp>
      <p:sp>
        <p:nvSpPr>
          <p:cNvPr id="53" name="OTLSHAPE_SLM_fa414cca208a41c5b6b7065c9faf1baa_Date">
            <a:extLst>
              <a:ext uri="{FF2B5EF4-FFF2-40B4-BE49-F238E27FC236}">
                <a16:creationId xmlns:a16="http://schemas.microsoft.com/office/drawing/2014/main" id="{0D1325B4-37E4-4622-90E6-F5C05519055A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5969541" y="5189420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800" dirty="0">
                <a:solidFill>
                  <a:srgbClr val="E7E6E6"/>
                </a:solidFill>
                <a:latin typeface="Arial Narrow" panose="020B0606020202030204" pitchFamily="34" charset="0"/>
              </a:rPr>
              <a:t>2007</a:t>
            </a:r>
          </a:p>
        </p:txBody>
      </p:sp>
      <p:sp>
        <p:nvSpPr>
          <p:cNvPr id="54" name="OTLSHAPE_SLM_df7583b02c3b472b8ddbfe49dad4b09c_Date">
            <a:extLst>
              <a:ext uri="{FF2B5EF4-FFF2-40B4-BE49-F238E27FC236}">
                <a16:creationId xmlns:a16="http://schemas.microsoft.com/office/drawing/2014/main" id="{299D6B22-41FA-41DD-A31A-B6EFBA068CBB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5034350" y="5501205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800">
                <a:solidFill>
                  <a:srgbClr val="E7E6E6"/>
                </a:solidFill>
                <a:latin typeface="Arial Narrow" panose="020B0606020202030204" pitchFamily="34" charset="0"/>
              </a:rPr>
              <a:t>2006</a:t>
            </a:r>
          </a:p>
        </p:txBody>
      </p:sp>
      <p:sp>
        <p:nvSpPr>
          <p:cNvPr id="58" name="OTLSHAPE_SLM_674ded9115184958b45972b970249740_Date">
            <a:extLst>
              <a:ext uri="{FF2B5EF4-FFF2-40B4-BE49-F238E27FC236}">
                <a16:creationId xmlns:a16="http://schemas.microsoft.com/office/drawing/2014/main" id="{6B51A36D-4879-449E-8A18-CE345F3E601A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8679462" y="5889190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>
                <a:solidFill>
                  <a:srgbClr val="E7E6E6"/>
                </a:solidFill>
                <a:latin typeface="Arial Narrow" panose="020B0606020202030204" pitchFamily="34" charset="0"/>
              </a:rPr>
              <a:t>2017</a:t>
            </a:r>
          </a:p>
        </p:txBody>
      </p:sp>
      <p:sp>
        <p:nvSpPr>
          <p:cNvPr id="59" name="OTLSHAPE_SLM_566a28de9e234e4492fa1babb1eeaee4_Date">
            <a:extLst>
              <a:ext uri="{FF2B5EF4-FFF2-40B4-BE49-F238E27FC236}">
                <a16:creationId xmlns:a16="http://schemas.microsoft.com/office/drawing/2014/main" id="{9D23CEE6-D446-4CEA-82C2-A4A2477D9B05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2480999" y="5889190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>
                <a:solidFill>
                  <a:srgbClr val="E7E6E6"/>
                </a:solidFill>
                <a:latin typeface="Arial Narrow" panose="020B0606020202030204" pitchFamily="34" charset="0"/>
              </a:rPr>
              <a:t>1998</a:t>
            </a:r>
          </a:p>
        </p:txBody>
      </p:sp>
      <p:sp>
        <p:nvSpPr>
          <p:cNvPr id="60" name="OTLSHAPE_SLM_7540fb95024040c9b213e5053fb7287a_Date">
            <a:extLst>
              <a:ext uri="{FF2B5EF4-FFF2-40B4-BE49-F238E27FC236}">
                <a16:creationId xmlns:a16="http://schemas.microsoft.com/office/drawing/2014/main" id="{29CA5293-D2B5-4BFB-9E8B-59054717F833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6120789" y="5889190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800">
                <a:solidFill>
                  <a:srgbClr val="E7E6E6"/>
                </a:solidFill>
                <a:latin typeface="Arial Narrow" panose="020B0606020202030204" pitchFamily="34" charset="0"/>
              </a:rPr>
              <a:t>2009</a:t>
            </a:r>
          </a:p>
        </p:txBody>
      </p:sp>
      <p:sp>
        <p:nvSpPr>
          <p:cNvPr id="61" name="OTLSHAPE_SLM_02b79a8b0e76404db529083c6964ef12_Date">
            <a:extLst>
              <a:ext uri="{FF2B5EF4-FFF2-40B4-BE49-F238E27FC236}">
                <a16:creationId xmlns:a16="http://schemas.microsoft.com/office/drawing/2014/main" id="{EEE1AD08-CC41-472B-A14A-D6D2FB8CC72D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4526164" y="5889190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>
                <a:solidFill>
                  <a:srgbClr val="E7E6E6"/>
                </a:solidFill>
                <a:latin typeface="Arial Narrow" panose="020B0606020202030204" pitchFamily="34" charset="0"/>
              </a:rPr>
              <a:t>2004</a:t>
            </a:r>
          </a:p>
        </p:txBody>
      </p:sp>
      <p:sp>
        <p:nvSpPr>
          <p:cNvPr id="62" name="OTLSHAPE_SLM_1ff03c8a40ec4c389bf872ec0334c429_Date">
            <a:extLst>
              <a:ext uri="{FF2B5EF4-FFF2-40B4-BE49-F238E27FC236}">
                <a16:creationId xmlns:a16="http://schemas.microsoft.com/office/drawing/2014/main" id="{B34D7224-FD0B-421C-A719-49010E81461F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7302124" y="5889190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800">
                <a:solidFill>
                  <a:srgbClr val="E7E6E6"/>
                </a:solidFill>
                <a:latin typeface="Arial Narrow" panose="020B0606020202030204" pitchFamily="34" charset="0"/>
              </a:rPr>
              <a:t>2013</a:t>
            </a:r>
          </a:p>
        </p:txBody>
      </p:sp>
      <p:sp>
        <p:nvSpPr>
          <p:cNvPr id="63" name="OTLSHAPE_SLM_59bf4b9f597041ec89b41ce10c7ee3b3_Date">
            <a:extLst>
              <a:ext uri="{FF2B5EF4-FFF2-40B4-BE49-F238E27FC236}">
                <a16:creationId xmlns:a16="http://schemas.microsoft.com/office/drawing/2014/main" id="{1110BF58-F709-44EA-8696-723D97D0DCCC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8990760" y="6200975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>
                <a:solidFill>
                  <a:srgbClr val="E7E6E6"/>
                </a:solidFill>
                <a:latin typeface="Arial Narrow" panose="020B0606020202030204" pitchFamily="34" charset="0"/>
              </a:rPr>
              <a:t>2018</a:t>
            </a:r>
          </a:p>
        </p:txBody>
      </p:sp>
      <p:sp>
        <p:nvSpPr>
          <p:cNvPr id="128" name="OTLSHAPE_SLM_7439d1b50e634267ac9915ee5dacd148_Date">
            <a:extLst>
              <a:ext uri="{FF2B5EF4-FFF2-40B4-BE49-F238E27FC236}">
                <a16:creationId xmlns:a16="http://schemas.microsoft.com/office/drawing/2014/main" id="{1FE780B9-9D4D-4087-B4BF-C0979E32266C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7770402" y="6200975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>
                <a:solidFill>
                  <a:srgbClr val="E7E6E6"/>
                </a:solidFill>
                <a:latin typeface="Arial Narrow" panose="020B0606020202030204" pitchFamily="34" charset="0"/>
              </a:rPr>
              <a:t>2014</a:t>
            </a:r>
          </a:p>
        </p:txBody>
      </p:sp>
      <p:sp>
        <p:nvSpPr>
          <p:cNvPr id="129" name="OTLSHAPE_SLM_4a050a7f01ec42079d433e82402234ac_Date">
            <a:extLst>
              <a:ext uri="{FF2B5EF4-FFF2-40B4-BE49-F238E27FC236}">
                <a16:creationId xmlns:a16="http://schemas.microsoft.com/office/drawing/2014/main" id="{E57B587B-0C19-488C-AD7B-D4F512368D98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5643643" y="6200975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800">
                <a:solidFill>
                  <a:srgbClr val="E7E6E6"/>
                </a:solidFill>
                <a:latin typeface="Arial Narrow" panose="020B0606020202030204" pitchFamily="34" charset="0"/>
              </a:rPr>
              <a:t>2008</a:t>
            </a:r>
          </a:p>
        </p:txBody>
      </p:sp>
      <p:sp>
        <p:nvSpPr>
          <p:cNvPr id="130" name="OTLSHAPE_SLM_7e79cb9fc2fe4103998ae6055edfd753_Date">
            <a:extLst>
              <a:ext uri="{FF2B5EF4-FFF2-40B4-BE49-F238E27FC236}">
                <a16:creationId xmlns:a16="http://schemas.microsoft.com/office/drawing/2014/main" id="{4064096C-F569-4543-B307-F417C5DE6E44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6981958" y="6200975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800">
                <a:solidFill>
                  <a:srgbClr val="E7E6E6"/>
                </a:solidFill>
                <a:latin typeface="Arial Narrow" panose="020B0606020202030204" pitchFamily="34" charset="0"/>
              </a:rPr>
              <a:t>2012</a:t>
            </a:r>
          </a:p>
        </p:txBody>
      </p:sp>
      <p:sp>
        <p:nvSpPr>
          <p:cNvPr id="132" name="OTLSHAPE_SLM_090df9082d054ea3850255b31b2d04f3_Title">
            <a:extLst>
              <a:ext uri="{FF2B5EF4-FFF2-40B4-BE49-F238E27FC236}">
                <a16:creationId xmlns:a16="http://schemas.microsoft.com/office/drawing/2014/main" id="{BD44CD76-5D16-40A0-9792-81F5C7F10EA4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0125205" y="6069530"/>
            <a:ext cx="2794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900" spc="-14" dirty="0">
                <a:solidFill>
                  <a:schemeClr val="lt1"/>
                </a:solidFill>
                <a:latin typeface="Arial" panose="020B0604020202020204" pitchFamily="34" charset="0"/>
              </a:rPr>
              <a:t>MGM</a:t>
            </a:r>
          </a:p>
        </p:txBody>
      </p:sp>
      <p:sp>
        <p:nvSpPr>
          <p:cNvPr id="133" name="OTLSHAPE_SLM_090df9082d054ea3850255b31b2d04f3_Date">
            <a:extLst>
              <a:ext uri="{FF2B5EF4-FFF2-40B4-BE49-F238E27FC236}">
                <a16:creationId xmlns:a16="http://schemas.microsoft.com/office/drawing/2014/main" id="{4685834A-B446-4FCD-9B47-4FF632B7EB59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0219100" y="6200975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>
                <a:solidFill>
                  <a:srgbClr val="E7E6E6"/>
                </a:solidFill>
                <a:latin typeface="Arial Narrow" panose="020B0606020202030204" pitchFamily="34" charset="0"/>
              </a:rPr>
              <a:t>2022</a:t>
            </a:r>
          </a:p>
        </p:txBody>
      </p:sp>
      <p:sp>
        <p:nvSpPr>
          <p:cNvPr id="188" name="OTLSHAPE_SLM_b787b6a849d64c3daf47cf6fc5eccb0d_Title">
            <a:extLst>
              <a:ext uri="{FF2B5EF4-FFF2-40B4-BE49-F238E27FC236}">
                <a16:creationId xmlns:a16="http://schemas.microsoft.com/office/drawing/2014/main" id="{50733FE0-7C7B-4279-8036-76BB8F4EE8BF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10432364" y="3340300"/>
            <a:ext cx="1181100" cy="26289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900" spc="-4">
                <a:solidFill>
                  <a:schemeClr val="lt1"/>
                </a:solidFill>
                <a:latin typeface="Arial" panose="020B0604020202020204" pitchFamily="34" charset="0"/>
              </a:rPr>
              <a:t>Jeff Bezos steps down </a:t>
            </a:r>
          </a:p>
          <a:p>
            <a:r>
              <a:rPr lang="en-GB" sz="900" spc="-4">
                <a:solidFill>
                  <a:schemeClr val="lt1"/>
                </a:solidFill>
                <a:latin typeface="Arial" panose="020B0604020202020204" pitchFamily="34" charset="0"/>
              </a:rPr>
              <a:t>as CEO</a:t>
            </a:r>
            <a:endParaRPr lang="en-GB" sz="900" spc="-4" dirty="0">
              <a:solidFill>
                <a:schemeClr val="lt1"/>
              </a:solidFill>
              <a:latin typeface="Arial" panose="020B0604020202020204" pitchFamily="34" charset="0"/>
            </a:endParaRPr>
          </a:p>
        </p:txBody>
      </p:sp>
      <p:sp>
        <p:nvSpPr>
          <p:cNvPr id="189" name="OTLSHAPE_SLM_b787b6a849d64c3daf47cf6fc5eccb0d_Date">
            <a:extLst>
              <a:ext uri="{FF2B5EF4-FFF2-40B4-BE49-F238E27FC236}">
                <a16:creationId xmlns:a16="http://schemas.microsoft.com/office/drawing/2014/main" id="{CDDB170C-0845-44A3-8872-0C68684C958F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0432364" y="3603190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E7E6E6"/>
                </a:solidFill>
                <a:latin typeface="Arial Narrow" panose="020B0606020202030204" pitchFamily="34" charset="0"/>
              </a:rPr>
              <a:t>2021</a:t>
            </a:r>
          </a:p>
        </p:txBody>
      </p:sp>
      <p:sp>
        <p:nvSpPr>
          <p:cNvPr id="134" name="OTLSHAPE_SLM_fbefd1f398804ed095e6964eaf12d55a_Title">
            <a:extLst>
              <a:ext uri="{FF2B5EF4-FFF2-40B4-BE49-F238E27FC236}">
                <a16:creationId xmlns:a16="http://schemas.microsoft.com/office/drawing/2014/main" id="{FEE62F2E-4613-4944-B970-CE792B493C94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7255252" y="3406022"/>
            <a:ext cx="20701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900" spc="-4" dirty="0">
                <a:solidFill>
                  <a:schemeClr val="lt1"/>
                </a:solidFill>
                <a:latin typeface="Arial" panose="020B0604020202020204" pitchFamily="34" charset="0"/>
              </a:rPr>
              <a:t>NY and Virginia to become Amazon HQ2</a:t>
            </a:r>
          </a:p>
        </p:txBody>
      </p:sp>
      <p:sp>
        <p:nvSpPr>
          <p:cNvPr id="135" name="OTLSHAPE_SLM_fbefd1f398804ed095e6964eaf12d55a_Date">
            <a:extLst>
              <a:ext uri="{FF2B5EF4-FFF2-40B4-BE49-F238E27FC236}">
                <a16:creationId xmlns:a16="http://schemas.microsoft.com/office/drawing/2014/main" id="{5761D9F8-30BE-4DF8-94C9-D983155C7BB9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9137097" y="3537467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>
                <a:solidFill>
                  <a:srgbClr val="E7E6E6"/>
                </a:solidFill>
                <a:latin typeface="Arial Narrow" panose="020B0606020202030204" pitchFamily="34" charset="0"/>
              </a:rPr>
              <a:t>2018</a:t>
            </a:r>
          </a:p>
        </p:txBody>
      </p:sp>
      <p:sp>
        <p:nvSpPr>
          <p:cNvPr id="3" name="OTLSHAPE_SLM_f1dde63fcc274655b1ba2d3e70fd41c2_Date">
            <a:extLst>
              <a:ext uri="{FF2B5EF4-FFF2-40B4-BE49-F238E27FC236}">
                <a16:creationId xmlns:a16="http://schemas.microsoft.com/office/drawing/2014/main" id="{628C1B73-E62E-7921-C124-A3C028796713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0768971" y="4046420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>
                <a:solidFill>
                  <a:srgbClr val="E7E6E6"/>
                </a:solidFill>
                <a:latin typeface="Arial Narrow" panose="020B0606020202030204" pitchFamily="34" charset="0"/>
              </a:rPr>
              <a:t>2023</a:t>
            </a:r>
          </a:p>
        </p:txBody>
      </p:sp>
      <p:sp>
        <p:nvSpPr>
          <p:cNvPr id="5" name="OTLSHAPE_SLM_f1dde63fcc274655b1ba2d3e70fd41c2_Title">
            <a:extLst>
              <a:ext uri="{FF2B5EF4-FFF2-40B4-BE49-F238E27FC236}">
                <a16:creationId xmlns:a16="http://schemas.microsoft.com/office/drawing/2014/main" id="{75838A0E-D5FF-0060-7720-A35F2DE7BD2E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8641679" y="3783530"/>
            <a:ext cx="2336800" cy="26289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900" dirty="0">
                <a:solidFill>
                  <a:schemeClr val="lt1"/>
                </a:solidFill>
                <a:latin typeface="Arial" panose="020B0604020202020204" pitchFamily="34" charset="0"/>
              </a:rPr>
              <a:t>Amazon surpasses FedEx and UPS as No. 1 Delivery Business</a:t>
            </a:r>
            <a:endParaRPr lang="en-US" sz="900" dirty="0">
              <a:solidFill>
                <a:schemeClr val="lt1"/>
              </a:solidFill>
              <a:latin typeface="Arial" panose="020B0604020202020204" pitchFamily="34" charset="0"/>
            </a:endParaRPr>
          </a:p>
        </p:txBody>
      </p:sp>
      <p:sp>
        <p:nvSpPr>
          <p:cNvPr id="7" name="OTLSHAPE_SLM_275ea48e70ea4cfa9db2520af3e019d4_Date">
            <a:extLst>
              <a:ext uri="{FF2B5EF4-FFF2-40B4-BE49-F238E27FC236}">
                <a16:creationId xmlns:a16="http://schemas.microsoft.com/office/drawing/2014/main" id="{8638A2F4-60E9-57AC-602E-C3787B34E4CD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10824845" y="4565850"/>
            <a:ext cx="190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dirty="0">
                <a:solidFill>
                  <a:srgbClr val="E7E6E6"/>
                </a:solidFill>
                <a:latin typeface="Arial Narrow" panose="020B0606020202030204" pitchFamily="34" charset="0"/>
              </a:rPr>
              <a:t>2024</a:t>
            </a:r>
          </a:p>
        </p:txBody>
      </p:sp>
      <p:sp>
        <p:nvSpPr>
          <p:cNvPr id="21" name="OTLSHAPE_SLM_275ea48e70ea4cfa9db2520af3e019d4_Title">
            <a:extLst>
              <a:ext uri="{FF2B5EF4-FFF2-40B4-BE49-F238E27FC236}">
                <a16:creationId xmlns:a16="http://schemas.microsoft.com/office/drawing/2014/main" id="{485A89E7-4BA4-0C71-27FC-5482A63A7D1C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9652508" y="4302960"/>
            <a:ext cx="1358900" cy="26289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900" dirty="0">
                <a:solidFill>
                  <a:schemeClr val="lt1"/>
                </a:solidFill>
                <a:latin typeface="Arial" panose="020B0604020202020204" pitchFamily="34" charset="0"/>
              </a:rPr>
              <a:t>Prime Video ad-supported tier launches</a:t>
            </a:r>
            <a:endParaRPr lang="en-US" sz="900" dirty="0">
              <a:solidFill>
                <a:schemeClr val="lt1"/>
              </a:solidFill>
              <a:latin typeface="Arial" panose="020B0604020202020204" pitchFamily="34" charset="0"/>
            </a:endParaRPr>
          </a:p>
        </p:txBody>
      </p:sp>
      <p:sp>
        <p:nvSpPr>
          <p:cNvPr id="284" name="OTLSHAPE_TB_00000000000000000000000000000000_TodayMarkerText" hidden="1">
            <a:extLst>
              <a:ext uri="{FF2B5EF4-FFF2-40B4-BE49-F238E27FC236}">
                <a16:creationId xmlns:a16="http://schemas.microsoft.com/office/drawing/2014/main" id="{16DDC2BE-565B-A33D-A7F2-3FCB92597CB9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-168984" y="58866"/>
            <a:ext cx="363369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439BFC5F-CBAF-4C85-8494-47A09659A4BC}"/>
              </a:ext>
            </a:extLst>
          </p:cNvPr>
          <p:cNvCxnSpPr/>
          <p:nvPr>
            <p:custDataLst>
              <p:tags r:id="rId157"/>
            </p:custDataLst>
          </p:nvPr>
        </p:nvCxnSpPr>
        <p:spPr>
          <a:xfrm>
            <a:off x="2689653" y="17401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53B88606-D199-45D2-B100-951AB60F2DDE}"/>
              </a:ext>
            </a:extLst>
          </p:cNvPr>
          <p:cNvCxnSpPr/>
          <p:nvPr>
            <p:custDataLst>
              <p:tags r:id="rId158"/>
            </p:custDataLst>
          </p:nvPr>
        </p:nvCxnSpPr>
        <p:spPr>
          <a:xfrm>
            <a:off x="3985397" y="17401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73E13FA6-D927-4C5B-947F-5BBDE3B9A4B5}"/>
              </a:ext>
            </a:extLst>
          </p:cNvPr>
          <p:cNvCxnSpPr/>
          <p:nvPr>
            <p:custDataLst>
              <p:tags r:id="rId159"/>
            </p:custDataLst>
          </p:nvPr>
        </p:nvCxnSpPr>
        <p:spPr>
          <a:xfrm>
            <a:off x="5281142" y="17401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EFB66210-DC7E-4F2E-89D8-B0FF00EB0B90}"/>
              </a:ext>
            </a:extLst>
          </p:cNvPr>
          <p:cNvCxnSpPr/>
          <p:nvPr>
            <p:custDataLst>
              <p:tags r:id="rId160"/>
            </p:custDataLst>
          </p:nvPr>
        </p:nvCxnSpPr>
        <p:spPr>
          <a:xfrm>
            <a:off x="6576885" y="17401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5459ED75-92C7-4005-848B-554314442BFA}"/>
              </a:ext>
            </a:extLst>
          </p:cNvPr>
          <p:cNvCxnSpPr/>
          <p:nvPr>
            <p:custDataLst>
              <p:tags r:id="rId161"/>
            </p:custDataLst>
          </p:nvPr>
        </p:nvCxnSpPr>
        <p:spPr>
          <a:xfrm>
            <a:off x="7872630" y="17401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D6664549-4FEE-4DEE-B878-9D8EC0A6B60C}"/>
              </a:ext>
            </a:extLst>
          </p:cNvPr>
          <p:cNvCxnSpPr/>
          <p:nvPr>
            <p:custDataLst>
              <p:tags r:id="rId162"/>
            </p:custDataLst>
          </p:nvPr>
        </p:nvCxnSpPr>
        <p:spPr>
          <a:xfrm>
            <a:off x="9168374" y="17401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1" name="OTLSHAPE_TB_00000000000000000000000000000000_Separator7">
            <a:extLst>
              <a:ext uri="{FF2B5EF4-FFF2-40B4-BE49-F238E27FC236}">
                <a16:creationId xmlns:a16="http://schemas.microsoft.com/office/drawing/2014/main" id="{B60F0DE8-0AA7-4E0C-B0CE-F00243DB03DF}"/>
              </a:ext>
            </a:extLst>
          </p:cNvPr>
          <p:cNvCxnSpPr/>
          <p:nvPr>
            <p:custDataLst>
              <p:tags r:id="rId163"/>
            </p:custDataLst>
          </p:nvPr>
        </p:nvCxnSpPr>
        <p:spPr>
          <a:xfrm>
            <a:off x="10464117" y="17401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27" name="Picture 2" descr="Image result for amazon.com background">
            <a:extLst>
              <a:ext uri="{FF2B5EF4-FFF2-40B4-BE49-F238E27FC236}">
                <a16:creationId xmlns:a16="http://schemas.microsoft.com/office/drawing/2014/main" id="{6D1FCA7A-6A9C-4FDC-820A-37BC045D848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6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93910" y="764871"/>
            <a:ext cx="2205969" cy="66476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8" name="Picture 137">
            <a:extLst>
              <a:ext uri="{FF2B5EF4-FFF2-40B4-BE49-F238E27FC236}">
                <a16:creationId xmlns:a16="http://schemas.microsoft.com/office/drawing/2014/main" id="{FB4A3629-4E1C-400A-BA5F-64050139DDFD}"/>
              </a:ext>
            </a:extLst>
          </p:cNvPr>
          <p:cNvPicPr>
            <a:picLocks noChangeAspect="1"/>
          </p:cNvPicPr>
          <p:nvPr/>
        </p:nvPicPr>
        <p:blipFill>
          <a:blip r:embed="rId166"/>
          <a:stretch>
            <a:fillRect/>
          </a:stretch>
        </p:blipFill>
        <p:spPr>
          <a:xfrm>
            <a:off x="4505687" y="596274"/>
            <a:ext cx="7371428" cy="628571"/>
          </a:xfrm>
          <a:prstGeom prst="rect">
            <a:avLst/>
          </a:prstGeom>
        </p:spPr>
      </p:pic>
      <p:pic>
        <p:nvPicPr>
          <p:cNvPr id="260" name="Picture 259">
            <a:extLst>
              <a:ext uri="{FF2B5EF4-FFF2-40B4-BE49-F238E27FC236}">
                <a16:creationId xmlns:a16="http://schemas.microsoft.com/office/drawing/2014/main" id="{0063B6CE-E712-8CA5-AAB2-783BE7EEAF28}"/>
              </a:ext>
            </a:extLst>
          </p:cNvPr>
          <p:cNvPicPr>
            <a:picLocks noChangeAspect="1"/>
          </p:cNvPicPr>
          <p:nvPr/>
        </p:nvPicPr>
        <p:blipFill>
          <a:blip r:embed="rId16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93903" y="6497955"/>
            <a:ext cx="1980871" cy="22465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64789397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zQ3IiwiVG9wIjowLjAsIkxlZnQiOjAuMCwiUmlnaHQiOjAuMCwiQm90dG9tIjowLjB9LCJQYWRkaW5nIjp7IiRpZCI6IjEzNDgiLCJUb3AiOjAuMCwiTGVmdCI6MC4wLCJSaWdodCI6MC4wLCJCb3R0b20iOjAuMH0sIkJhY2tncm91bmQiOnsiJGlkIjoiMTM0OSIsIkNvbG9yIjp7IiRyZWYiOiIxMjQ0In19LCJJc1Zpc2libGUiOnRydWUsIldpZHRoIjowLjAsIkhlaWdodCI6MC4wLCJCb3JkZXJTdHlsZSI6bnVsbCwiUGFyZW50U3R5bGUiOm51bGx9LCJEYXRlRm9ybWF0Ijp7IiRpZCI6IjEzN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1MSIsIkZvcm1hdCI6MCwiSXNWaXNpYmxlIjpmYWxzZSwiTGFzdEtub3duVmlzaWJpbGl0eVN0YXRlIjpmYWxzZX0sIklzVmlzaWJsZSI6dHJ1ZSwiUGFyZW50U3R5bGUiOm51bGwsIl9leHBsaWNpdGx5U2V0Ijp7IiRpZCI6IjEzNT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False"/>
  <p:tag name="OTLTIMEBANDSTARTDATE" val="1994-07-05T23:59:00.0000000"/>
  <p:tag name="OTLTIMEBANDENDDATE" val="2024-03-24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32.8766603415559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IgnoreAction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Years"/>
  <p:tag name="OTLTIMEBANDSHAPETYPE" val="RectangleTimeband"/>
  <p:tag name="OTLTIMEBANDSHAPEHEIGHT" val="30"/>
  <p:tag name="OTLTIMEBANDSHAPEPADDINGLEFT" val="0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Lawsuit against Barnes &amp; Noble"/>
  <p:tag name="OTLDATE" val="2002-03-15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mazon founded"/>
  <p:tag name="OTLDATE" val="1994-07-05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 Zappos"/>
  <p:tag name="OTLDATE" val="2009-07-22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mazon Underground"/>
  <p:tag name="OTLDATE" val="2015-08-26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POs at $18.00/share"/>
  <p:tag name="OTLDATE" val="1997-05-15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Kindle e-books outsell hardcover books"/>
  <p:tag name="OTLDATE" val="2010-07-15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1st physical store"/>
  <p:tag name="OTLDATE" val="2015-11-02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MDB"/>
  <p:tag name="OTLDATE" val="1998-04-27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Kiva Systems"/>
  <p:tag name="OTLDATE" val="2012-03-19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hole Foods"/>
  <p:tag name="OTLDATE" val="2017-06-15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xpands beyond books"/>
  <p:tag name="OTLDATE" val="1998-08-05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mazon Launches in India"/>
  <p:tag name="OTLDATE" val="2013-06-15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mazon S3"/>
  <p:tag name="OTLDATE" val="2006-03-15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mazon Instant Video"/>
  <p:tag name="OTLDATE" val="2011-02-22T23:59:00.0000000Z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mazon Prime Air"/>
  <p:tag name="OTLDATE" val="2016-12-07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9.com"/>
  <p:tag name="OTLDATE" val="2003-10-15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mazon Kindle"/>
  <p:tag name="OTLDATE" val="2007-11-19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GoodReads"/>
  <p:tag name="OTLDATE" val="2013-03-15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mazon Prime"/>
  <p:tag name="OTLDATE" val="2005-02-15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mazon Music"/>
  <p:tag name="OTLDATE" val="2007-09-25T23:59:00.0000000Z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mazon Mechanical Turk"/>
  <p:tag name="OTLDATE" val="2005-11-15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mazon Appstore"/>
  <p:tag name="OTLDATE" val="2011-05-02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Kindle Fire"/>
  <p:tag name="OTLDATE" val="2014-07-25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mazon Elastic Compute Cloud"/>
  <p:tag name="OTLDATE" val="2006-08-25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mazon Fresh"/>
  <p:tag name="OTLDATE" val="2007-08-15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7-09-07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MTITLE" val="Search for 2nd HQ &#10;announced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$1 trillion market cap reached"/>
  <p:tag name="OTLDATE" val="2018-09-04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nimum wage raised to $15/h"/>
  <p:tag name="OTLDATE" val="2018-10-02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NY HQ plans scrapped "/>
  <p:tag name="OTLDATE" val="2019-02-01T23:59:00.0000000Z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25-year anniversary"/>
  <p:tag name="OTLDATE" val="2019-07-05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witch"/>
  <p:tag name="OTLDATE" val="2014-08-25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udible"/>
  <p:tag name="OTLDATE" val="2008-01-31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zShops launches"/>
  <p:tag name="OTLDATE" val="1999-09-30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 Joyo"/>
  <p:tag name="OTLDATE" val="2004-08-19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illPack"/>
  <p:tag name="OTLDATE" val="2018-06-01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mazon Care"/>
  <p:tag name="OTLDATE" val="2019-09-24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GM"/>
  <p:tag name="OTLDATE" val="2022-03-17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21-07-05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MTITLE" val="Jeff Bezos steps down &#10;as CEO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NY and Virginia to become Amazon HQ2"/>
  <p:tag name="OTLDATE" val="2018-11-13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DATE" val="2023-11-27T23:59:00.0000000"/>
  <p:tag name="OTLPOSITIONONTASK" val="None"/>
  <p:tag name="OTLRELATEDTASKID" val="00000000-0000-0000-0000-000000000000"/>
  <p:tag name="OTLMTITLE" val="Amazon surpasses FedEx and UPS as No. 1 Delivery Business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Prime Video ad-supported tier launches"/>
  <p:tag name="OTLDATE" val="2024-01-29T23:59:00.0000000"/>
  <p:tag name="OTLPOSITIONONTASK" val="None"/>
  <p:tag name="OTLRELATEDTASKID" val="00000000-0000-0000-0000-000000000000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_Office Theme">
  <a:themeElements>
    <a:clrScheme name="Red Orange">
      <a:dk1>
        <a:sysClr val="windowText" lastClr="000000"/>
      </a:dk1>
      <a:lt1>
        <a:sysClr val="window" lastClr="FFFFFF"/>
      </a:lt1>
      <a:dk2>
        <a:srgbClr val="505046"/>
      </a:dk2>
      <a:lt2>
        <a:srgbClr val="EEECE1"/>
      </a:lt2>
      <a:accent1>
        <a:srgbClr val="E84C22"/>
      </a:accent1>
      <a:accent2>
        <a:srgbClr val="FFBD47"/>
      </a:accent2>
      <a:accent3>
        <a:srgbClr val="B64926"/>
      </a:accent3>
      <a:accent4>
        <a:srgbClr val="FF8427"/>
      </a:accent4>
      <a:accent5>
        <a:srgbClr val="CC9900"/>
      </a:accent5>
      <a:accent6>
        <a:srgbClr val="B22600"/>
      </a:accent6>
      <a:hlink>
        <a:srgbClr val="CC9900"/>
      </a:hlink>
      <a:folHlink>
        <a:srgbClr val="666699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89</Words>
  <Application>Microsoft Office PowerPoint</Application>
  <PresentationFormat>Widescreen</PresentationFormat>
  <Paragraphs>107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0" baseType="lpstr">
      <vt:lpstr>Arial</vt:lpstr>
      <vt:lpstr>Arial Narrow</vt:lpstr>
      <vt:lpstr>Calibri</vt:lpstr>
      <vt:lpstr>Calibri Light</vt:lpstr>
      <vt:lpstr>Segoe UI</vt:lpstr>
      <vt:lpstr>Segoe UI Light</vt:lpstr>
      <vt:lpstr>Segoe UI Semibold</vt:lpstr>
      <vt:lpstr>1_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0-06-16T18:50:31Z</dcterms:created>
  <dcterms:modified xsi:type="dcterms:W3CDTF">2024-02-12T13:27:04Z</dcterms:modified>
</cp:coreProperties>
</file>